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733" r:id="rId1"/>
    <p:sldMasterId id="2147483799" r:id="rId2"/>
  </p:sldMasterIdLst>
  <p:notesMasterIdLst>
    <p:notesMasterId r:id="rId21"/>
  </p:notesMasterIdLst>
  <p:handoutMasterIdLst>
    <p:handoutMasterId r:id="rId22"/>
  </p:handoutMasterIdLst>
  <p:sldIdLst>
    <p:sldId id="257" r:id="rId3"/>
    <p:sldId id="319" r:id="rId4"/>
    <p:sldId id="320" r:id="rId5"/>
    <p:sldId id="321" r:id="rId6"/>
    <p:sldId id="323" r:id="rId7"/>
    <p:sldId id="327" r:id="rId8"/>
    <p:sldId id="322" r:id="rId9"/>
    <p:sldId id="324" r:id="rId10"/>
    <p:sldId id="328" r:id="rId11"/>
    <p:sldId id="335" r:id="rId12"/>
    <p:sldId id="325" r:id="rId13"/>
    <p:sldId id="326" r:id="rId14"/>
    <p:sldId id="329" r:id="rId15"/>
    <p:sldId id="330" r:id="rId16"/>
    <p:sldId id="331" r:id="rId17"/>
    <p:sldId id="332" r:id="rId18"/>
    <p:sldId id="333" r:id="rId19"/>
    <p:sldId id="334" r:id="rId20"/>
  </p:sldIdLst>
  <p:sldSz cx="12190413" cy="6859588"/>
  <p:notesSz cx="6858000" cy="9144000"/>
  <p:custDataLst>
    <p:tags r:id="rId23"/>
  </p:custDataLst>
  <p:defaultTextStyle>
    <a:defPPr>
      <a:defRPr lang="en-US"/>
    </a:defPPr>
    <a:lvl1pPr marL="0" indent="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kern="1200" spc="-50" baseline="0">
        <a:solidFill>
          <a:schemeClr val="tx1"/>
        </a:solidFill>
        <a:latin typeface="Verdana"/>
        <a:ea typeface="Verdana" pitchFamily="34" charset="0"/>
        <a:cs typeface="Verdana" pitchFamily="34" charset="0"/>
      </a:defRPr>
    </a:lvl1pPr>
    <a:lvl2pPr marL="252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800" kern="1200" spc="-50">
        <a:solidFill>
          <a:schemeClr val="tx1"/>
        </a:solidFill>
        <a:latin typeface="Verdana"/>
        <a:ea typeface="Verdana" pitchFamily="34" charset="0"/>
        <a:cs typeface="+mn-cs"/>
      </a:defRPr>
    </a:lvl2pPr>
    <a:lvl3pPr marL="648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600" kern="1200" spc="-50">
        <a:solidFill>
          <a:schemeClr val="tx1"/>
        </a:solidFill>
        <a:latin typeface="Verdana"/>
        <a:ea typeface="Verdana" pitchFamily="34" charset="0"/>
        <a:cs typeface="+mn-cs"/>
      </a:defRPr>
    </a:lvl3pPr>
    <a:lvl4pPr marL="9792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anose="020B0604030504040204" pitchFamily="34" charset="0"/>
      <a:buChar char="•"/>
      <a:defRPr sz="1400" kern="1200" spc="-50">
        <a:solidFill>
          <a:schemeClr val="tx1"/>
        </a:solidFill>
        <a:latin typeface="Verdana"/>
        <a:ea typeface="Verdana" pitchFamily="34" charset="0"/>
        <a:cs typeface="+mn-cs"/>
      </a:defRPr>
    </a:lvl4pPr>
    <a:lvl5pPr marL="0" indent="0" algn="l" defTabSz="457189" rtl="0" eaLnBrk="1" fontAlgn="base" hangingPunct="1">
      <a:lnSpc>
        <a:spcPct val="8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sz="4800" b="1" kern="1200" cap="all" spc="-50" baseline="0">
        <a:solidFill>
          <a:schemeClr val="tx1"/>
        </a:solidFill>
        <a:latin typeface="Verdana"/>
        <a:ea typeface="Verdana" pitchFamily="34" charset="0"/>
        <a:cs typeface="+mn-cs"/>
      </a:defRPr>
    </a:lvl5pPr>
    <a:lvl6pPr marL="0" indent="0" algn="l" defTabSz="457189" rtl="0" eaLnBrk="1" latinLnBrk="0" hangingPunct="1">
      <a:spcBef>
        <a:spcPts val="0"/>
      </a:spcBef>
      <a:spcAft>
        <a:spcPts val="600"/>
      </a:spcAft>
      <a:buClr>
        <a:schemeClr val="tx2"/>
      </a:buClr>
      <a:buFont typeface="Arial" panose="020B0604020202020204" pitchFamily="34" charset="0"/>
      <a:buChar char="​"/>
      <a:defRPr sz="1800" b="1" kern="1200" cap="all" spc="-50" baseline="0">
        <a:solidFill>
          <a:schemeClr val="tx2"/>
        </a:solidFill>
        <a:latin typeface="+mn-lt"/>
        <a:ea typeface="+mn-ea"/>
        <a:cs typeface="+mn-cs"/>
      </a:defRPr>
    </a:lvl6pPr>
    <a:lvl7pPr marL="0" indent="0" algn="l" defTabSz="457189" rtl="0" eaLnBrk="1" latinLnBrk="0" hangingPunct="1">
      <a:spcBef>
        <a:spcPts val="0"/>
      </a:spcBef>
      <a:spcAft>
        <a:spcPts val="1200"/>
      </a:spcAft>
      <a:buFont typeface="Arial" panose="020B0604020202020204" pitchFamily="34" charset="0"/>
      <a:buChar char="​"/>
      <a:defRPr sz="1800" i="1" kern="1200" spc="-50">
        <a:solidFill>
          <a:schemeClr val="bg2"/>
        </a:solidFill>
        <a:latin typeface="+mn-lt"/>
        <a:ea typeface="+mn-ea"/>
        <a:cs typeface="+mn-cs"/>
      </a:defRPr>
    </a:lvl7pPr>
    <a:lvl8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rabicPeriod"/>
      <a:defRPr sz="1600" kern="1200" spc="-50">
        <a:solidFill>
          <a:schemeClr val="tx1"/>
        </a:solidFill>
        <a:latin typeface="+mn-lt"/>
        <a:ea typeface="+mn-ea"/>
        <a:cs typeface="+mn-cs"/>
      </a:defRPr>
    </a:lvl8pPr>
    <a:lvl9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lphaUcPeriod"/>
      <a:defRPr sz="1600" kern="1200" spc="-5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 userDrawn="1">
          <p15:clr>
            <a:srgbClr val="A4A3A4"/>
          </p15:clr>
        </p15:guide>
        <p15:guide id="2" pos="2160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0000FF"/>
    <a:srgbClr val="FF9900"/>
    <a:srgbClr val="E3F2FF"/>
    <a:srgbClr val="F1F9FF"/>
    <a:srgbClr val="59BFF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179" autoAdjust="0"/>
    <p:restoredTop sz="86482" autoAdjust="0"/>
  </p:normalViewPr>
  <p:slideViewPr>
    <p:cSldViewPr snapToGrid="0">
      <p:cViewPr varScale="1">
        <p:scale>
          <a:sx n="72" d="100"/>
          <a:sy n="72" d="100"/>
        </p:scale>
        <p:origin x="942" y="7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00" d="100"/>
        <a:sy n="100" d="100"/>
      </p:scale>
      <p:origin x="0" y="-9590"/>
    </p:cViewPr>
  </p:sorterViewPr>
  <p:notesViewPr>
    <p:cSldViewPr snapToGrid="0">
      <p:cViewPr varScale="1">
        <p:scale>
          <a:sx n="121" d="100"/>
          <a:sy n="121" d="100"/>
        </p:scale>
        <p:origin x="4938" y="90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theme" Target="theme/theme1.xml"/><Relationship Id="rId3" Type="http://schemas.openxmlformats.org/officeDocument/2006/relationships/slide" Target="slides/slide1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presProps" Target="presProp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tags" Target="tags/tag1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handoutMaster" Target="handoutMasters/handoutMaster1.xml"/><Relationship Id="rId27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8B7588AC-F512-4847-9233-601F4B16DDFE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73E8A3B-3A63-46A9-95E1-03CE2FCF9C3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AF6A870-D0BC-44DB-AD81-D5E8B04AE8D4}" type="datetimeFigureOut">
              <a:rPr lang="da-DK" smtClean="0"/>
              <a:t>03-04-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54145259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0F5B7C09-5A60-450F-8B1D-B16CDE8563A2}" type="datetime1">
              <a:rPr lang="en-GB" noProof="0" smtClean="0"/>
              <a:pPr/>
              <a:t>03/04/2019</a:t>
            </a:fld>
            <a:endParaRPr lang="en-GB" noProof="0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2588" y="685800"/>
            <a:ext cx="6092825" cy="3429000"/>
          </a:xfrm>
          <a:prstGeom prst="rect">
            <a:avLst/>
          </a:prstGeom>
          <a:noFill/>
          <a:ln w="3175">
            <a:solidFill>
              <a:schemeClr val="accent6"/>
            </a:solidFill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endParaRPr lang="en-GB" noProof="0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A1F2F6E2-CA2D-40A7-8BE4-C30E5CF2054D}" type="slidenum">
              <a:rPr lang="en-GB" noProof="0" smtClean="0"/>
              <a:pPr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36534676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Verdana" pitchFamily="34" charset="0"/>
      </a:defRPr>
    </a:lvl1pPr>
    <a:lvl2pPr marL="457189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2pPr>
    <a:lvl3pPr marL="914377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3pPr>
    <a:lvl4pPr marL="1371566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4pPr>
    <a:lvl5pPr marL="1828754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5pPr>
    <a:lvl6pPr marL="2285943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131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320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509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1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46644815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Logo_fonden"/>
          <p:cNvSpPr>
            <a:spLocks noChangeAspect="1"/>
          </p:cNvSpPr>
          <p:nvPr userDrawn="1"/>
        </p:nvSpPr>
        <p:spPr>
          <a:xfrm>
            <a:off x="817200" y="6159600"/>
            <a:ext cx="1319093" cy="298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8" name="FLD_PresentationTitle">
            <a:extLst>
              <a:ext uri="{FF2B5EF4-FFF2-40B4-BE49-F238E27FC236}">
                <a16:creationId xmlns:a16="http://schemas.microsoft.com/office/drawing/2014/main" id="{B1DAA5DF-5AA7-49EC-ACBF-10E8A197127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2" cy="681548"/>
          </a:xfrm>
        </p:spPr>
        <p:txBody>
          <a:bodyPr tIns="0" anchor="t" anchorCtr="0"/>
          <a:lstStyle>
            <a:lvl1pPr>
              <a:defRPr sz="4800" cap="none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9" name="FLD_PresentationTitle_2">
            <a:extLst>
              <a:ext uri="{FF2B5EF4-FFF2-40B4-BE49-F238E27FC236}">
                <a16:creationId xmlns:a16="http://schemas.microsoft.com/office/drawing/2014/main" id="{5B27253C-39D7-4448-BD0F-A9FC3677BCBD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652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none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2" y="4841825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 baseline="0"/>
            </a:lvl1pPr>
          </a:lstStyle>
          <a:p>
            <a:pPr lvl="0"/>
            <a:r>
              <a:rPr lang="en-GB" dirty="0"/>
              <a:t>Subtitle</a:t>
            </a:r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4782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FC6EA742-E999-426B-9F1C-33524D47AEA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869474" y="6281955"/>
            <a:ext cx="6701689" cy="168063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id="{09BA1C59-AB8D-4ACE-A4C9-3A97AB0B83E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B7911486-6FB3-4B5E-9E9F-4E68B86BFAB3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28761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414EC495-A6B9-4C60-A011-7047269C9CE9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7313612" y="1645032"/>
            <a:ext cx="4073525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baseline="0"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B60EC9E1-A6E7-4EDC-A604-820C98771D2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73643761-53E5-4729-8F9C-AC57323CEE0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FF20881-F81B-4002-8633-D30B4C975D37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25390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8958262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id="{6FB39600-48A6-438C-ACEE-E7C3FBF9C3A2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3" y="452544"/>
            <a:ext cx="800964" cy="800964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icon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C4DE7E55-1B3D-4B43-B1B5-DE5E4FAB98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F5D459F2-4C14-4DC3-8A9D-B1E9DF21E4C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B66D862-600D-48C8-8F85-19CC3E0B1DC7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918543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8958262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2" y="1645033"/>
            <a:ext cx="818165" cy="818165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icon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E31502FD-B05E-464F-8932-42D027579D9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AA65EC4C-43E8-483C-B54B-30D5535BB4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7A02C95-B75E-4026-8C75-E92117B7E863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132140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llustrati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6515100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8128000" y="1645033"/>
            <a:ext cx="3259138" cy="3240691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dirty="0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FB97A6BE-821A-4BF5-AFE7-9A048351C6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1815BEB-2C63-4CBF-9795-6F15022666B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C561E10-94E6-4C65-A83E-4A0247FD64B9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453763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 illustrati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286587FC-F18B-4FBE-8CD2-663B9BA8C734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313613" y="1644649"/>
            <a:ext cx="4073525" cy="406373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9B89233D-8149-4491-95B2-DE11051C861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D2C9554E-F561-4DDA-B278-92702108D9B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4F682B3-15BA-47D0-B191-ECEF31D65243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37563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7329487" cy="4063354"/>
          </a:xfrm>
        </p:spPr>
        <p:txBody>
          <a:bodyPr/>
          <a:lstStyle>
            <a:lvl1pPr>
              <a:defRPr cap="none"/>
            </a:lvl1pPr>
            <a:lvl2pPr>
              <a:defRPr cap="none"/>
            </a:lvl2pPr>
            <a:lvl3pPr>
              <a:defRPr cap="none"/>
            </a:lvl3pPr>
            <a:lvl4pPr>
              <a:defRPr cap="none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9007D2D-A158-459C-BE2E-0A1D348DA7C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none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cap="none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cap="none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 cap="none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 cap="none"/>
            </a:lvl6pPr>
            <a:lvl7pPr>
              <a:defRPr sz="1600" cap="none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 cap="none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 cap="none">
                <a:solidFill>
                  <a:schemeClr val="tx2"/>
                </a:solidFill>
              </a:defRPr>
            </a:lvl9pPr>
          </a:lstStyle>
          <a:p>
            <a:pPr lvl="0"/>
            <a:r>
              <a:rPr lang="en-GB" dirty="0"/>
              <a:t>12,3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99C5C721-7970-4C21-B42B-33753616C1B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4992414"/>
            <a:ext cx="2444750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BDD567F-EFA3-4304-9F2D-5128B34EFFF1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760E582F-46F7-4DF2-ABCB-E07E85419FF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FA367DCD-123C-45F4-87EB-1586FA603E3A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132FA97E-008F-4B07-B688-A7B22404D82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8F49FA4C-A0C7-484D-9CD0-A2B1528B3A2E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7" name="Rectangle: Rounded Corners 16">
                <a:extLst>
                  <a:ext uri="{FF2B5EF4-FFF2-40B4-BE49-F238E27FC236}">
                    <a16:creationId xmlns:a16="http://schemas.microsoft.com/office/drawing/2014/main" id="{93B8FE7B-9EF6-429C-AC7B-79E85DFB481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67D61A51-31AF-4082-AFF9-2D4AE9DB7C8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9" name="Date_DateCustomA">
            <a:extLst>
              <a:ext uri="{FF2B5EF4-FFF2-40B4-BE49-F238E27FC236}">
                <a16:creationId xmlns:a16="http://schemas.microsoft.com/office/drawing/2014/main" id="{8BB7FA2D-0C66-4D42-8CC8-567BD958137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585EE85-6531-4BF0-AF17-3C31B489C7B6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1122201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two fact tex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4071936" cy="4063354"/>
          </a:xfrm>
        </p:spPr>
        <p:txBody>
          <a:bodyPr/>
          <a:lstStyle>
            <a:lvl1pPr>
              <a:defRPr cap="none"/>
            </a:lvl1pPr>
            <a:lvl2pPr>
              <a:defRPr cap="none"/>
            </a:lvl2pPr>
            <a:lvl3pPr>
              <a:defRPr cap="none"/>
            </a:lvl3pPr>
            <a:lvl4pPr>
              <a:defRPr cap="none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559CAE46-C6D8-48BD-A372-1CDE93E9CCA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684838" y="1644771"/>
            <a:ext cx="244316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none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cap="none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cap="none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 cap="none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 cap="none"/>
            </a:lvl6pPr>
            <a:lvl7pPr>
              <a:defRPr sz="1600" cap="none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 cap="none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 cap="none">
                <a:solidFill>
                  <a:schemeClr val="tx2"/>
                </a:solidFill>
              </a:defRPr>
            </a:lvl9pPr>
          </a:lstStyle>
          <a:p>
            <a:pPr lvl="0"/>
            <a:r>
              <a:rPr lang="en-GB" dirty="0"/>
              <a:t>12,9%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67908BB7-3AA9-46B8-9F51-F98F86B5DB1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1644771"/>
            <a:ext cx="2444750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none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cap="none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cap="none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 cap="none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 cap="none"/>
            </a:lvl6pPr>
            <a:lvl7pPr>
              <a:defRPr sz="1600" cap="none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 cap="none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 cap="none">
                <a:solidFill>
                  <a:schemeClr val="tx2"/>
                </a:solidFill>
              </a:defRPr>
            </a:lvl9pPr>
          </a:lstStyle>
          <a:p>
            <a:pPr lvl="0"/>
            <a:r>
              <a:rPr lang="en-GB" dirty="0"/>
              <a:t>12,9%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F92F4B53-30AD-4697-89D7-9D962CE965E5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AF0FEF35-0958-440B-A77A-2699A83990A6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4203BB4-30A9-4057-A809-926EDEDB9F4F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id="{7139BD4A-714C-44AF-902B-B7BB51BF1EC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BB5C133-0407-4A77-B2F7-7E365D047DE4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1" name="Rectangle: Rounded Corners 20">
                <a:extLst>
                  <a:ext uri="{FF2B5EF4-FFF2-40B4-BE49-F238E27FC236}">
                    <a16:creationId xmlns:a16="http://schemas.microsoft.com/office/drawing/2014/main" id="{1BBC228B-197B-44A3-99D0-D56237507B14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CE9B38D5-AD3D-4AE8-88F2-0F9D25BB30C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1AC23FC6-140A-4E04-B1F9-995F52FC873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BF9CA478-1548-4258-B776-CD375142AA82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065911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act tex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>
            <a:extLst>
              <a:ext uri="{FF2B5EF4-FFF2-40B4-BE49-F238E27FC236}">
                <a16:creationId xmlns:a16="http://schemas.microsoft.com/office/drawing/2014/main" id="{6868B673-9D9F-4BF4-8D81-D1B3477E6F0F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12339857" y="1634370"/>
            <a:chExt cx="1796791" cy="2907588"/>
          </a:xfrm>
        </p:grpSpPr>
        <p:sp>
          <p:nvSpPr>
            <p:cNvPr id="19" name="Rectangle: Rounded Corners 18">
              <a:extLst>
                <a:ext uri="{FF2B5EF4-FFF2-40B4-BE49-F238E27FC236}">
                  <a16:creationId xmlns:a16="http://schemas.microsoft.com/office/drawing/2014/main" id="{9F61C6D9-96E6-46EB-8545-E257C98220F8}"/>
                </a:ext>
              </a:extLst>
            </p:cNvPr>
            <p:cNvSpPr/>
            <p:nvPr/>
          </p:nvSpPr>
          <p:spPr>
            <a:xfrm>
              <a:off x="12339857" y="1634370"/>
              <a:ext cx="1796791" cy="2907588"/>
            </a:xfrm>
            <a:prstGeom prst="roundRect">
              <a:avLst>
                <a:gd name="adj" fmla="val 2970"/>
              </a:avLst>
            </a:prstGeom>
            <a:solidFill>
              <a:schemeClr val="bg1"/>
            </a:solidFill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400" dirty="0">
                <a:solidFill>
                  <a:schemeClr val="accent3"/>
                </a:solidFill>
              </a:endParaRPr>
            </a:p>
          </p:txBody>
        </p: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23EC8C10-6A9E-4C2B-B6BA-69C39462851D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2471161" y="1791659"/>
              <a:ext cx="455222" cy="213083"/>
            </a:xfrm>
            <a:prstGeom prst="rect">
              <a:avLst/>
            </a:prstGeom>
          </p:spPr>
        </p:pic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BF580C90-4416-41DC-ADAC-F1014BB16E65}"/>
                </a:ext>
              </a:extLst>
            </p:cNvPr>
            <p:cNvSpPr txBox="1"/>
            <p:nvPr/>
          </p:nvSpPr>
          <p:spPr bwMode="auto">
            <a:xfrm>
              <a:off x="12483714" y="2086228"/>
              <a:ext cx="1433633" cy="64633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12700" marR="0" indent="-25400" algn="l" defTabSz="457200" rtl="0" eaLnBrk="0" fontAlgn="base" latinLnBrk="0" hangingPunct="0">
                <a:spcBef>
                  <a:spcPct val="0"/>
                </a:spcBef>
                <a:spcAft>
                  <a:spcPts val="600"/>
                </a:spcAft>
                <a:buClrTx/>
                <a:buSzTx/>
                <a:tabLst/>
              </a:pP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LIST LEVELS (BULLET LEVELS) </a:t>
              </a: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USE ABOVE TOOL IN THE TAB HOME TO CHANGE TEXT STYLES (ALSO USE TAB FUNCTION)</a:t>
              </a:r>
            </a:p>
          </p:txBody>
        </p: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2C7FA45-BEB8-4FA0-89DA-4AF47CEA9ACF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12351204" y="2757038"/>
              <a:ext cx="1261627" cy="1565633"/>
            </a:xfrm>
            <a:prstGeom prst="rect">
              <a:avLst/>
            </a:prstGeom>
          </p:spPr>
        </p:pic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id="{21327CDE-D280-433E-A1DD-9B88BC9A9D74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-1899137" y="-1"/>
            <a:chExt cx="1796791" cy="2907588"/>
          </a:xfrm>
        </p:grpSpPr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4AE14B58-12EA-4B20-8931-337F0DC7BE74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24" name="Picture 23">
                <a:extLst>
                  <a:ext uri="{FF2B5EF4-FFF2-40B4-BE49-F238E27FC236}">
                    <a16:creationId xmlns:a16="http://schemas.microsoft.com/office/drawing/2014/main" id="{E1E15413-4664-4681-9444-3108046123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D2D38E9D-D309-4835-BB4A-24E940357F1D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6" name="Rectangle: Rounded Corners 25">
                <a:extLst>
                  <a:ext uri="{FF2B5EF4-FFF2-40B4-BE49-F238E27FC236}">
                    <a16:creationId xmlns:a16="http://schemas.microsoft.com/office/drawing/2014/main" id="{3408A5E0-BE3B-4CF6-B031-C7BDEAE8EF42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23" name="Picture 22">
              <a:extLst>
                <a:ext uri="{FF2B5EF4-FFF2-40B4-BE49-F238E27FC236}">
                  <a16:creationId xmlns:a16="http://schemas.microsoft.com/office/drawing/2014/main" id="{74467B95-2571-401A-B1E8-0E482500876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4" y="453600"/>
            <a:ext cx="10588624" cy="748800"/>
          </a:xfrm>
        </p:spPr>
        <p:txBody>
          <a:bodyPr/>
          <a:lstStyle>
            <a:lvl1pPr>
              <a:defRPr cap="none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56064" y="1645033"/>
            <a:ext cx="7331074" cy="4063354"/>
          </a:xfrm>
        </p:spPr>
        <p:txBody>
          <a:bodyPr/>
          <a:lstStyle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344D76E6-1904-4038-80C4-8BC46CEBB70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98514" y="1644771"/>
            <a:ext cx="2443162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none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 cap="none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 dirty="0"/>
              <a:t>12,9%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20" name="Text Placeholder 6">
            <a:extLst>
              <a:ext uri="{FF2B5EF4-FFF2-40B4-BE49-F238E27FC236}">
                <a16:creationId xmlns:a16="http://schemas.microsoft.com/office/drawing/2014/main" id="{6CAB1BFF-44E8-48FF-AF80-4144B6650AA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4992414"/>
            <a:ext cx="2443161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7" name="Footer Placeholder 4">
            <a:extLst>
              <a:ext uri="{FF2B5EF4-FFF2-40B4-BE49-F238E27FC236}">
                <a16:creationId xmlns:a16="http://schemas.microsoft.com/office/drawing/2014/main" id="{BB98BEF1-8B24-44DD-B00E-B069E4D5CA5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9" name="Date_DateCustomA">
            <a:extLst>
              <a:ext uri="{FF2B5EF4-FFF2-40B4-BE49-F238E27FC236}">
                <a16:creationId xmlns:a16="http://schemas.microsoft.com/office/drawing/2014/main" id="{5AF2CA37-37E6-4F35-A8D3-13E15E8256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FFA6BD5-1F82-4DFF-A877-528EE09DA81D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5384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B6556C8-A731-4240-9800-194A4F70A1D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3"/>
            <a:ext cx="4071936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F530FD33-AB9C-4A88-9BBB-1E385B91358C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6" name="Text Placeholder 6">
            <a:extLst>
              <a:ext uri="{FF2B5EF4-FFF2-40B4-BE49-F238E27FC236}">
                <a16:creationId xmlns:a16="http://schemas.microsoft.com/office/drawing/2014/main" id="{9C52035C-C8B1-4C44-976C-626BFFA7790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537029"/>
            <a:ext cx="5702300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 cap="none" baseline="0"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49DC368E-8BDB-41BB-B406-A3B0A25665D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6531AD21-BE76-4592-909B-A3B9638680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6B9D2FF-656E-4B01-B626-DDA557E27024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399516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2CDE71F-8FC2-4DE4-9423-EE57143478C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2443162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2443162" cy="4062030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056063" y="5390147"/>
            <a:ext cx="73310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056063" y="537029"/>
            <a:ext cx="7331075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E7D9B79D-FD5C-45BD-97EA-6B24E7C0045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1E666E0-9E5A-4A77-8B2D-91C35C22746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66C8DA7-8257-4F44-AD1F-47D77110E545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064431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right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noFill/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2651" cy="681548"/>
          </a:xfrm>
        </p:spPr>
        <p:txBody>
          <a:bodyPr tIns="0" anchor="t" anchorCtr="0"/>
          <a:lstStyle>
            <a:lvl1pPr>
              <a:defRPr sz="4800" cap="none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191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none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D3344F44-1D4C-407D-B0CE-FCFEE29BE51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rgbClr val="009DF0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9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7" name="Footer Placeholder 4" hidden="1">
            <a:extLst>
              <a:ext uri="{FF2B5EF4-FFF2-40B4-BE49-F238E27FC236}">
                <a16:creationId xmlns:a16="http://schemas.microsoft.com/office/drawing/2014/main" id="{32F99A81-D9A2-4F30-8989-49FBFDFFBC2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18" name="Date_DateCustomA" hidden="1">
            <a:extLst>
              <a:ext uri="{FF2B5EF4-FFF2-40B4-BE49-F238E27FC236}">
                <a16:creationId xmlns:a16="http://schemas.microsoft.com/office/drawing/2014/main" id="{4677BC5A-C865-45E8-BEA2-32CF74611B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85D2C888-1A84-4B0E-9B6E-78F9372E808C}" type="datetime1">
              <a:rPr lang="en-GB" smtClean="0"/>
              <a:t>03/04/2019</a:t>
            </a:fld>
            <a:endParaRPr lang="x-none" dirty="0"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9" y="1645033"/>
            <a:ext cx="5702299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85A6CB6-503A-43E4-95E9-49CCA6BE0AA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5BE177DB-3D97-4178-B41E-C5E88E6EF6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A29EE775-E260-4614-9C8B-28623B33C6B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0742569-4E06-4BA8-97B4-9EE290B48FBA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849971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2443162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D10A7420-B42B-4A1E-801C-58F73E98E72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EE94D7C6-6298-49CF-9E54-6442A65BE7E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56063" y="1645033"/>
            <a:ext cx="733107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6C9629C-CF41-41C8-B234-06D2B62B588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244475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F72ED723-2034-4873-8F5F-84CD3DF067D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70AABF26-1E97-4163-9AEB-8A08056A2C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5C9069A-CE35-430E-8488-1CD4C0BF9A4E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407848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804864" y="421976"/>
            <a:ext cx="10588624" cy="485311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 baseline="0"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1612900" y="906698"/>
            <a:ext cx="3257550" cy="2158049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1059021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040854D9-4A7F-43DD-ADEE-729ECE38A71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3B009AD-71AF-4311-AB8D-836DCA3740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1D3CE88-C4A7-4EEA-808C-13A163823CDF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048374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EA48E567-47F5-4B08-99D6-069385ECECE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E3950CBF-72E1-4385-99DA-211C9A719C8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96925" y="5389081"/>
            <a:ext cx="40735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5D561B5-A7F3-463C-BD8C-C2813F3D379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684838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98513" y="1645033"/>
            <a:ext cx="4071937" cy="374404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C5F701B6-51A4-429E-BAE7-303D346C10A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id="{AF6FCEB8-934A-4A77-A838-C33FC03CC5F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954A5A2-98C9-40D0-A9A4-0934037ABAA3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400878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4" y="452543"/>
            <a:ext cx="10588624" cy="748800"/>
          </a:xfrm>
        </p:spPr>
        <p:txBody>
          <a:bodyPr/>
          <a:lstStyle>
            <a:lvl1pPr>
              <a:defRPr cap="none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814387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814387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Picture Placeholder 3">
            <a:extLst>
              <a:ext uri="{FF2B5EF4-FFF2-40B4-BE49-F238E27FC236}">
                <a16:creationId xmlns:a16="http://schemas.microsoft.com/office/drawing/2014/main" id="{89424118-58CD-42CA-86D2-8D172442E460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45AEC6E4-C3EF-4192-856D-9039F171C484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C5D31929-EC68-4BA9-818F-D9E7F43918E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4" name="Date_DateCustomA">
            <a:extLst>
              <a:ext uri="{FF2B5EF4-FFF2-40B4-BE49-F238E27FC236}">
                <a16:creationId xmlns:a16="http://schemas.microsoft.com/office/drawing/2014/main" id="{F7836BF7-FD55-405A-874B-61C805C2E3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3C52938-36F2-483A-90E1-7C6B398C329E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9378256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22AD88E7-3B12-4449-81F1-3C8219EE77C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7D20742-1518-4D1C-84E0-A50DB3F71A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870450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3257549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2AD0405A-0FD7-4F0F-AF7F-B2047DF5CF9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918E1753-D849-4306-90F0-AE9E3B1E43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4824DA6C-1660-454E-AE9F-DA89A04C5D0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7B74E93-144F-4DB9-8C27-19F802D9FA59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91540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FA0290B9-8984-4B63-9584-E3AE12BC840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48863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A7ABCE10-41F5-4BFF-B780-36E38A40F95C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499224" y="5389082"/>
            <a:ext cx="2443164" cy="317982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6B139212-6CFC-41D2-8FC4-04AFFFB5F67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488632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6499225" y="1645031"/>
            <a:ext cx="2443162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5874BC50-6BE9-4C0E-B354-8E1950E1DEC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A27BE1DC-8318-4E12-A678-697DBD2158D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0B57B028-50E3-41B4-A7B5-26D92FAF78AA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274184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C69AAF93-6D36-4195-82B9-DF0720EC521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570071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3E2CB951-B63B-4713-9C55-151E8F70764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4ABF96D0-72C6-404F-8711-EC888AA24B29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6925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B6ABE9CB-A3E8-48D2-82D8-BB162FBC2AC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F8AC17EF-756D-46C0-9E6D-5F5BC146218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3EA501F-D3D0-43C0-9904-E790AEA366FB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4925974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923A1CA0-6B95-4682-8F2B-A2CB29E9A0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082"/>
            <a:ext cx="5702299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7F8FEFC5-5B98-4110-A017-739F63CE87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EED6E484-ADE4-491D-A306-116A904F427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3145100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6">
            <a:extLst>
              <a:ext uri="{FF2B5EF4-FFF2-40B4-BE49-F238E27FC236}">
                <a16:creationId xmlns:a16="http://schemas.microsoft.com/office/drawing/2014/main" id="{1D494126-0696-4DB9-B563-2B5C9722422F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3" y="1645031"/>
            <a:ext cx="1628775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5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4567020D-E32F-49AD-ADAE-9E64ADBB8FD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32279A45-1217-4472-8344-3C0A19130A7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6801236-C41F-4CE1-87FD-BC67472741AC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89855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7">
            <a:extLst>
              <a:ext uri="{FF2B5EF4-FFF2-40B4-BE49-F238E27FC236}">
                <a16:creationId xmlns:a16="http://schemas.microsoft.com/office/drawing/2014/main" id="{6DA88F43-D409-4504-A063-DA4B451A472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A1F7B2BE-FFF8-4897-A35A-DDFEEB4911B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6400"/>
            <a:ext cx="407352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4073526" cy="1483869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35B3C8D-4ACE-428F-8AD3-7A13F1213FD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3" y="5389082"/>
            <a:ext cx="1628775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6">
            <a:extLst>
              <a:ext uri="{FF2B5EF4-FFF2-40B4-BE49-F238E27FC236}">
                <a16:creationId xmlns:a16="http://schemas.microsoft.com/office/drawing/2014/main" id="{C7A95160-7865-47B1-BBD0-32DA9C96FEC4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5389082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651A90D8-504E-4DC5-901B-5180BA0DE1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1" name="Date_DateCustomA">
            <a:extLst>
              <a:ext uri="{FF2B5EF4-FFF2-40B4-BE49-F238E27FC236}">
                <a16:creationId xmlns:a16="http://schemas.microsoft.com/office/drawing/2014/main" id="{C64ACC7F-7EC9-4D88-B2D9-4BD783C75A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610AA71-D7A8-413A-8394-5C05D04E7029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30060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dark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solidFill>
            <a:srgbClr val="F6F6F4"/>
          </a:solidFill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Logo_ramboll"/>
          <p:cNvSpPr>
            <a:spLocks/>
          </p:cNvSpPr>
          <p:nvPr userDrawn="1"/>
        </p:nvSpPr>
        <p:spPr>
          <a:xfrm>
            <a:off x="817201" y="6159600"/>
            <a:ext cx="896400" cy="255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" name="Logo_fonden"/>
          <p:cNvSpPr>
            <a:spLocks noChangeAspect="1"/>
          </p:cNvSpPr>
          <p:nvPr userDrawn="1"/>
        </p:nvSpPr>
        <p:spPr>
          <a:xfrm>
            <a:off x="817200" y="6159600"/>
            <a:ext cx="1319093" cy="298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0" cy="681548"/>
          </a:xfrm>
        </p:spPr>
        <p:txBody>
          <a:bodyPr tIns="0" anchor="t" anchorCtr="0"/>
          <a:lstStyle>
            <a:lvl1pPr>
              <a:defRPr sz="4800" cap="none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3" y="1139744"/>
            <a:ext cx="9772650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none" spc="-150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D3344F44-1D4C-407D-B0CE-FCFEE29BE51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.</a:t>
            </a:r>
            <a:endParaRPr lang="en-GB" dirty="0"/>
          </a:p>
        </p:txBody>
      </p:sp>
      <p:sp>
        <p:nvSpPr>
          <p:cNvPr id="19" name="Slide Number Placeholder 5" hidden="1">
            <a:extLst>
              <a:ext uri="{FF2B5EF4-FFF2-40B4-BE49-F238E27FC236}">
                <a16:creationId xmlns:a16="http://schemas.microsoft.com/office/drawing/2014/main" id="{F31626DF-C504-456C-BABA-F9E112AEAE6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2" name="Footer Placeholder 4" hidden="1">
            <a:extLst>
              <a:ext uri="{FF2B5EF4-FFF2-40B4-BE49-F238E27FC236}">
                <a16:creationId xmlns:a16="http://schemas.microsoft.com/office/drawing/2014/main" id="{148EA343-9CD9-4A35-8E70-A9FAF3855B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23" name="Date_DateCustomA" hidden="1">
            <a:extLst>
              <a:ext uri="{FF2B5EF4-FFF2-40B4-BE49-F238E27FC236}">
                <a16:creationId xmlns:a16="http://schemas.microsoft.com/office/drawing/2014/main" id="{D46E539C-AF02-4268-B134-91B646ABB7B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0AF2302B-7012-4DE4-9A47-B275FC7990F6}" type="datetime1">
              <a:rPr lang="en-GB" smtClean="0"/>
              <a:t>03/04/2019</a:t>
            </a:fld>
            <a:endParaRPr lang="x-none" dirty="0"/>
          </a:p>
        </p:txBody>
      </p:sp>
    </p:spTree>
    <p:extLst>
      <p:ext uri="{BB962C8B-B14F-4D97-AF65-F5344CB8AC3E}">
        <p14:creationId xmlns:p14="http://schemas.microsoft.com/office/powerpoint/2010/main" val="25986852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90147"/>
            <a:ext cx="5702300" cy="31691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4">
            <a:extLst>
              <a:ext uri="{FF2B5EF4-FFF2-40B4-BE49-F238E27FC236}">
                <a16:creationId xmlns:a16="http://schemas.microsoft.com/office/drawing/2014/main" id="{42DF0A72-5AF0-4ACE-B2DB-4155F465E0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4921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0F958486-0A01-4664-898B-849018028B9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2" y="5389200"/>
            <a:ext cx="1628776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6">
            <a:extLst>
              <a:ext uri="{FF2B5EF4-FFF2-40B4-BE49-F238E27FC236}">
                <a16:creationId xmlns:a16="http://schemas.microsoft.com/office/drawing/2014/main" id="{72AE0D8A-202F-43F6-AB72-839F68F575A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3144921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7">
            <a:extLst>
              <a:ext uri="{FF2B5EF4-FFF2-40B4-BE49-F238E27FC236}">
                <a16:creationId xmlns:a16="http://schemas.microsoft.com/office/drawing/2014/main" id="{553D49DA-A17B-44D7-8EBB-64C685A2307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756774" y="5389200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2" y="3906278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4" y="1645032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Title 7">
            <a:extLst>
              <a:ext uri="{FF2B5EF4-FFF2-40B4-BE49-F238E27FC236}">
                <a16:creationId xmlns:a16="http://schemas.microsoft.com/office/drawing/2014/main" id="{109E8909-9BF2-426F-A556-859081C99CF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7" name="Footer Placeholder 4">
            <a:extLst>
              <a:ext uri="{FF2B5EF4-FFF2-40B4-BE49-F238E27FC236}">
                <a16:creationId xmlns:a16="http://schemas.microsoft.com/office/drawing/2014/main" id="{89EC51AE-5F71-4517-A9E0-7E30DE0DEAE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3" name="Date_DateCustomA">
            <a:extLst>
              <a:ext uri="{FF2B5EF4-FFF2-40B4-BE49-F238E27FC236}">
                <a16:creationId xmlns:a16="http://schemas.microsoft.com/office/drawing/2014/main" id="{9986C71A-FB30-4BC3-80B0-20BC5417034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C141FB4-7BF1-4DB0-940E-B14C6EB28783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0501156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200"/>
            <a:ext cx="3259138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F02B0B2F-7F53-4AFC-9446-DB6C5777E69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875214" y="3146400"/>
            <a:ext cx="648593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5">
            <a:extLst>
              <a:ext uri="{FF2B5EF4-FFF2-40B4-BE49-F238E27FC236}">
                <a16:creationId xmlns:a16="http://schemas.microsoft.com/office/drawing/2014/main" id="{0662756F-E3F0-402D-9E22-0BE6B392C8C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870451" y="5389200"/>
            <a:ext cx="1625600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6">
            <a:extLst>
              <a:ext uri="{FF2B5EF4-FFF2-40B4-BE49-F238E27FC236}">
                <a16:creationId xmlns:a16="http://schemas.microsoft.com/office/drawing/2014/main" id="{BE7208CB-CE86-4F3D-B12C-D8268891AA47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7313613" y="5389200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7">
            <a:extLst>
              <a:ext uri="{FF2B5EF4-FFF2-40B4-BE49-F238E27FC236}">
                <a16:creationId xmlns:a16="http://schemas.microsoft.com/office/drawing/2014/main" id="{06E02B92-F862-4F76-B8DC-8C3D1FC7F977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9756775" y="5389200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6516688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32" name="Picture Placeholder 3">
            <a:extLst>
              <a:ext uri="{FF2B5EF4-FFF2-40B4-BE49-F238E27FC236}">
                <a16:creationId xmlns:a16="http://schemas.microsoft.com/office/drawing/2014/main" id="{BD840AF9-BBF8-4202-BC96-375E5BEB71AA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4870450" y="3906000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itle 7">
            <a:extLst>
              <a:ext uri="{FF2B5EF4-FFF2-40B4-BE49-F238E27FC236}">
                <a16:creationId xmlns:a16="http://schemas.microsoft.com/office/drawing/2014/main" id="{299AE5C6-8512-40FE-B386-E39B5659754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DB9DA6D0-8869-4337-BEAF-0ADAFE06FB4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4" name="Date_DateCustomA">
            <a:extLst>
              <a:ext uri="{FF2B5EF4-FFF2-40B4-BE49-F238E27FC236}">
                <a16:creationId xmlns:a16="http://schemas.microsoft.com/office/drawing/2014/main" id="{A387D7D7-69FC-41FF-BDFD-687A499B612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750DBD0-68BA-411A-86AC-8A85C0F07CF0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597223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7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16928" y="452543"/>
            <a:ext cx="10555200" cy="1056245"/>
          </a:xfrm>
        </p:spPr>
        <p:txBody>
          <a:bodyPr/>
          <a:lstStyle>
            <a:lvl1pPr>
              <a:defRPr cap="none" baseline="0">
                <a:solidFill>
                  <a:schemeClr val="tx2"/>
                </a:solidFill>
              </a:defRPr>
            </a:lvl1pPr>
          </a:lstStyle>
          <a:p>
            <a:r>
              <a:rPr lang="en-US" noProof="0" dirty="0"/>
              <a:t>Click To Edit Master Title Style</a:t>
            </a:r>
            <a:endParaRPr lang="en-GB" noProof="0" dirty="0"/>
          </a:p>
        </p:txBody>
      </p:sp>
      <p:sp>
        <p:nvSpPr>
          <p:cNvPr id="9" name="Text Placeholder 15">
            <a:extLst>
              <a:ext uri="{FF2B5EF4-FFF2-40B4-BE49-F238E27FC236}">
                <a16:creationId xmlns:a16="http://schemas.microsoft.com/office/drawing/2014/main" id="{1C804A56-02C2-4000-8DE1-4C682601C75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1" name="Slide Number Placeholder 5" hidden="1">
            <a:extLst>
              <a:ext uri="{FF2B5EF4-FFF2-40B4-BE49-F238E27FC236}">
                <a16:creationId xmlns:a16="http://schemas.microsoft.com/office/drawing/2014/main" id="{F8065A6C-B087-4C37-B9BF-238078D124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4" hidden="1">
            <a:extLst>
              <a:ext uri="{FF2B5EF4-FFF2-40B4-BE49-F238E27FC236}">
                <a16:creationId xmlns:a16="http://schemas.microsoft.com/office/drawing/2014/main" id="{E644527C-AD14-4EB9-ADCA-31C61EBA654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13" name="Date_DateCustomA" hidden="1">
            <a:extLst>
              <a:ext uri="{FF2B5EF4-FFF2-40B4-BE49-F238E27FC236}">
                <a16:creationId xmlns:a16="http://schemas.microsoft.com/office/drawing/2014/main" id="{264006B7-F2E6-4F4A-8D05-3F44F8F318B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FF3501DC-63E8-4AF5-BE5E-E05A579B46DC}" type="datetime1">
              <a:rPr lang="en-GB" smtClean="0"/>
              <a:t>03/04/2019</a:t>
            </a:fld>
            <a:endParaRPr lang="x-none" dirty="0"/>
          </a:p>
        </p:txBody>
      </p:sp>
    </p:spTree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marL="0" indent="0" algn="ctr"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7" name="Text Placeholder 15">
            <a:extLst>
              <a:ext uri="{FF2B5EF4-FFF2-40B4-BE49-F238E27FC236}">
                <a16:creationId xmlns:a16="http://schemas.microsoft.com/office/drawing/2014/main" id="{D502E4A2-448F-4BE7-8814-15A06BDE1CF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0" name="Slide Number Placeholder 5" hidden="1">
            <a:extLst>
              <a:ext uri="{FF2B5EF4-FFF2-40B4-BE49-F238E27FC236}">
                <a16:creationId xmlns:a16="http://schemas.microsoft.com/office/drawing/2014/main" id="{DB3E8C21-56F3-43EB-BF88-4EEB72C3F7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35D10A95-9140-4D91-8BAE-655D1782D7D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12" name="Date_DateCustomA" hidden="1">
            <a:extLst>
              <a:ext uri="{FF2B5EF4-FFF2-40B4-BE49-F238E27FC236}">
                <a16:creationId xmlns:a16="http://schemas.microsoft.com/office/drawing/2014/main" id="{3FA8083C-E59E-4629-A5C9-D403872552D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655C8A1A-9AB8-4DC5-BE91-DCBE600E270C}" type="datetime1">
              <a:rPr lang="en-GB" smtClean="0"/>
              <a:t>03/04/2019</a:t>
            </a:fld>
            <a:endParaRPr lang="x-none" dirty="0"/>
          </a:p>
        </p:txBody>
      </p:sp>
    </p:spTree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C267E1F-9146-4D51-A3EA-9E268FC35F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1946365"/>
            <a:ext cx="7329487" cy="2769325"/>
          </a:xfrm>
        </p:spPr>
        <p:txBody>
          <a:bodyPr/>
          <a:lstStyle>
            <a:lvl1pPr>
              <a:defRPr sz="3200" b="0" cap="none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Quotation</a:t>
            </a:r>
          </a:p>
        </p:txBody>
      </p:sp>
      <p:sp>
        <p:nvSpPr>
          <p:cNvPr id="26" name="Text Placeholder 5">
            <a:extLst>
              <a:ext uri="{FF2B5EF4-FFF2-40B4-BE49-F238E27FC236}">
                <a16:creationId xmlns:a16="http://schemas.microsoft.com/office/drawing/2014/main" id="{1E1ADCAE-53E0-4B32-A2CA-095078D0C63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5968" y="5020098"/>
            <a:ext cx="7332035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GB"/>
              <a:t>Name, Title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EE8FF56-E9E6-4CE1-A183-9B907183A27A}"/>
              </a:ext>
            </a:extLst>
          </p:cNvPr>
          <p:cNvSpPr txBox="1"/>
          <p:nvPr userDrawn="1"/>
        </p:nvSpPr>
        <p:spPr bwMode="auto">
          <a:xfrm>
            <a:off x="805436" y="2250351"/>
            <a:ext cx="1671637" cy="28301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600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12700" marR="0" indent="-25400" algn="l" defTabSz="457200" rtl="0" eaLnBrk="0" fontAlgn="base" latinLnBrk="0" hangingPunct="0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ClrTx/>
              <a:buSzTx/>
              <a:tabLst/>
            </a:pPr>
            <a:r>
              <a:rPr kumimoji="0" lang="en-GB" sz="199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“</a:t>
            </a: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A9AB153B-AFF1-4043-8D3F-263FEAF2377E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55D8EFE0-F00D-46BC-9E29-8C829868EFF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tx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BA90A93D-37F9-4C65-91AC-8C8D05B4C5B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4D52EB9-2063-4FBE-ADB5-395C3BA756DA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9859596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7">
            <a:extLst>
              <a:ext uri="{FF2B5EF4-FFF2-40B4-BE49-F238E27FC236}">
                <a16:creationId xmlns:a16="http://schemas.microsoft.com/office/drawing/2014/main" id="{65C857B0-BA7F-4231-B59A-526700FAC8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02E9997-006D-492C-9877-F7617EDD29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id="{5FC6988B-A4CB-4E12-A565-68D705C3AB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E34A71B-2122-4592-A043-C95CEBD2C97A}" type="datetime1">
              <a:rPr lang="en-GB" smtClean="0"/>
              <a:t>03/04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Footer Placeholder 4">
            <a:extLst>
              <a:ext uri="{FF2B5EF4-FFF2-40B4-BE49-F238E27FC236}">
                <a16:creationId xmlns:a16="http://schemas.microsoft.com/office/drawing/2014/main" id="{3ED85EA1-D7DA-4042-AE58-E34BD5AC52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5" name="Date_DateCustomA">
            <a:extLst>
              <a:ext uri="{FF2B5EF4-FFF2-40B4-BE49-F238E27FC236}">
                <a16:creationId xmlns:a16="http://schemas.microsoft.com/office/drawing/2014/main" id="{235F65ED-2265-47AB-ACC6-E4B66C3907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38D32DB-F5D9-4F9E-80C2-ECC0A88DEE0F}" type="datetime1">
              <a:rPr lang="en-GB" smtClean="0"/>
              <a:t>03/04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" name="Title Placeholder 1"/>
          <p:cNvSpPr>
            <a:spLocks noGrp="1"/>
          </p:cNvSpPr>
          <p:nvPr>
            <p:ph type="ctrTitle" hasCustomPrompt="1"/>
          </p:nvPr>
        </p:nvSpPr>
        <p:spPr>
          <a:xfrm>
            <a:off x="798512" y="452544"/>
            <a:ext cx="10588625" cy="1196721"/>
          </a:xfrm>
        </p:spPr>
        <p:txBody>
          <a:bodyPr tIns="0"/>
          <a:lstStyle>
            <a:lvl1pPr>
              <a:defRPr sz="3200" cap="none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US" noProof="0" dirty="0"/>
              <a:t>Click To Edit Master Title Style</a:t>
            </a:r>
            <a:endParaRPr lang="en-GB" noProof="0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91808B17-7D73-48EF-8BED-63693AB76B0C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BA66E57D-050E-497F-BCE0-01E307159441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8269006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4"/>
            <a:ext cx="4886324" cy="4432966"/>
          </a:xfrm>
        </p:spPr>
        <p:txBody>
          <a:bodyPr/>
          <a:lstStyle>
            <a:lvl1pPr>
              <a:defRPr cap="none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hank You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7AAE5DB4-A422-4286-935C-1ABCA4CCEFA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4" y="4971350"/>
            <a:ext cx="4886324" cy="365455"/>
          </a:xfrm>
        </p:spPr>
        <p:txBody>
          <a:bodyPr lIns="0" anchor="b" anchorCtr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Name, Department 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B862EE0-F879-436B-A5EA-70A7F83ABF8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4" y="5334000"/>
            <a:ext cx="4886324" cy="424412"/>
          </a:xfrm>
        </p:spPr>
        <p:txBody>
          <a:bodyPr/>
          <a:lstStyle>
            <a:lvl1pPr marL="0" indent="0">
              <a:spcAft>
                <a:spcPts val="0"/>
              </a:spcAft>
              <a:buFontTx/>
              <a:buNone/>
              <a:defRPr sz="1600">
                <a:solidFill>
                  <a:schemeClr val="bg1"/>
                </a:solidFill>
              </a:defRPr>
            </a:lvl1pPr>
            <a:lvl2pPr marL="396000" indent="0">
              <a:buFontTx/>
              <a:buNone/>
              <a:defRPr sz="1600">
                <a:solidFill>
                  <a:schemeClr val="bg1"/>
                </a:solidFill>
              </a:defRPr>
            </a:lvl2pPr>
            <a:lvl3pPr marL="727200" indent="0">
              <a:buFontTx/>
              <a:buNone/>
              <a:defRPr sz="1600">
                <a:solidFill>
                  <a:schemeClr val="bg1"/>
                </a:solidFill>
              </a:defRPr>
            </a:lvl3pPr>
            <a:lvl4pPr>
              <a:buFontTx/>
              <a:buNone/>
              <a:defRPr sz="1600">
                <a:solidFill>
                  <a:schemeClr val="bg1"/>
                </a:solidFill>
              </a:defRPr>
            </a:lvl4pPr>
            <a:lvl5pPr>
              <a:buFontTx/>
              <a:buNone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xxx@ramboll.com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6" name="Freeform 5">
            <a:extLst>
              <a:ext uri="{FF2B5EF4-FFF2-40B4-BE49-F238E27FC236}">
                <a16:creationId xmlns:a16="http://schemas.microsoft.com/office/drawing/2014/main" id="{5A883098-EC9D-45F8-BF2C-3487DF20D354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09855619-46E8-4B12-8D5A-DE35520219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9CA6E42C-D397-4857-89FC-8B948A957D4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1C2B819A-5F70-4D6E-BD68-2E6409A77FF5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399226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E68FD9-FC5B-4542-BC94-890ACC3A667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2413" cy="2389187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1F23550-1B7A-4046-947A-010FB6D33EC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3625"/>
            <a:ext cx="9142413" cy="1655763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318D2F9-5994-4FBB-8131-A38E517F0B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1AB474-42FD-469F-A285-30EB32FE38A1}" type="datetime1">
              <a:rPr lang="en-GB" smtClean="0"/>
              <a:t>03/04/2019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C4F542A-79CB-486C-9358-821FD06D63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71899A9-7E20-47D8-8D6D-0B9AB76FCE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44757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id="{205C9348-6845-4A4F-958A-4A052BC8ED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7329487" cy="5255844"/>
          </a:xfrm>
        </p:spPr>
        <p:txBody>
          <a:bodyPr/>
          <a:lstStyle>
            <a:lvl1pPr>
              <a:defRPr sz="4800" cap="none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19783461-93EA-4162-AC89-71558EC415F3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8EE38BD6-B0DE-4974-8C0E-549D4DF8AD8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4F117C74-452F-4005-AE59-9EDC236F06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05AF8DE4-7275-47B9-A04C-74A752AA4CD6}" type="datetime1">
              <a:rPr lang="en-GB" smtClean="0"/>
              <a:t>03/04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0644566-2FE5-4F83-8D27-414B754BD1E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F4E021E-A090-4317-BEE0-19BD522284C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097A46C-2744-49CC-B81B-B29D042618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4621C3-BD3E-42B8-A7EC-617BC4B83649}" type="datetime1">
              <a:rPr lang="en-GB" smtClean="0"/>
              <a:t>03/04/2019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957963C-79F3-4F1A-BE74-32A466C1B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20B1753-A186-4611-830A-8A3B94CAC8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993350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F33480-2DFD-4FE1-849D-BFE79B49C84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4013" cy="2854325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8C6C47C-D7A2-4604-A112-E2CF872D30A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91050"/>
            <a:ext cx="10514013" cy="1500188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8E22E8-F3EC-4504-91E2-28FBA9C3DE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A7A92A-1A2E-4EBD-8DF7-FA38D1502BDB}" type="datetime1">
              <a:rPr lang="en-GB" smtClean="0"/>
              <a:t>03/04/2019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54D2DB4-E4D5-44BF-BC75-F76C3148C3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43DD57D-7F05-406F-A891-4BA1766D0E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7296224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C0370C-1746-4FE9-B061-B8775869077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513EF38-F4AA-4043-8B05-736435FA6DB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0013" cy="435292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C70C353-78A0-430C-9F1A-AB167779EA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0613" y="1825625"/>
            <a:ext cx="5181600" cy="435292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286704D-4E38-41B2-B562-854202689D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CF61C4-B3AC-49EE-8A38-579FFFC8BC63}" type="datetime1">
              <a:rPr lang="en-GB" smtClean="0"/>
              <a:t>03/04/2019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4916535-D870-4802-AA97-8462159D878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EF0D28C-A8D9-44B8-9F88-25E57C7FBB3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967480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4BD2EF-7B54-4CBE-A683-F3C249B270D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4012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2899BFD-B309-4C77-AE84-32B9CC4521C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2F71B77-7377-4CB5-98C2-338DAF2B46A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617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961F707-0067-413F-9E9C-2D3B97F4B69A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0613" y="1681163"/>
            <a:ext cx="51831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92E2F2E-3C55-4431-9CE9-DF216FD8216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0613" y="2505075"/>
            <a:ext cx="5183187" cy="368617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2465BC9-096A-4724-B5B2-D8A70D4C39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E64FD-513A-4324-A679-4C40527B09D6}" type="datetime1">
              <a:rPr lang="en-GB" smtClean="0"/>
              <a:t>03/04/2019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1ACAE29-D085-4003-BE54-737D04CB9E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FDC0D52-D016-4F04-AB51-3FF17C6FD9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26324321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2021EB3-8607-4F36-9DBE-CB39811CE84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C72199A-112E-4193-9A7D-905AEFA74D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E7D50F-F04A-4464-B01E-F00256BAE528}" type="datetime1">
              <a:rPr lang="en-GB" smtClean="0"/>
              <a:t>03/04/2019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1627035-1771-4F52-A383-7F3C3AF380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4B9BEC0-7DFA-4F7D-BD42-64D7A0F2FE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5766834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1BAE2EB-21EA-49E0-9C07-FF8D984B1E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5E505C-5175-455A-B2AE-31044B25BE51}" type="datetime1">
              <a:rPr lang="en-GB" smtClean="0"/>
              <a:t>03/04/2019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286FB81-B423-4C11-A537-043789F469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F539772-0498-48FB-863B-8D7B3DB579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76262906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F4D94B-2382-4C62-A239-681566AF15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5AD7FD-ED81-4082-9C9C-8E618BBB199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0612" cy="48752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21B0E96-6F9B-4EAA-9BC6-AEC27E576A1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3175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A6A069D-2AFC-42A5-AC32-D1DA6688CF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CD7BA6-2136-4C5F-91D4-25226C5A00D1}" type="datetime1">
              <a:rPr lang="en-GB" smtClean="0"/>
              <a:t>03/04/2019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71715A6-C8A9-4A3E-AD2E-71DB869695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D0824C1-EC2D-47D4-BCEC-20C0ABAD80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62043412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6E88BD-4420-4F01-AB5B-AD6FCC569A9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45CEBB7-4A65-44BD-AEFF-5C3DDF3E13A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0612" cy="4875213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463D138-8D43-4973-B3CF-3EFA793E4A8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3175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6E9C93-2982-4E29-82C3-67D9B8B221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F7BECA-609A-4F3C-946A-6A4C903A8276}" type="datetime1">
              <a:rPr lang="en-GB" smtClean="0"/>
              <a:t>03/04/2019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7AFDCDD-92B0-4892-BEB7-AA2D0001679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61E43FE-A443-4ACC-9D51-0D05DEB0FB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04667545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B622A91-BEA7-42C3-B2E8-38A762BBF5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4C28C66-939A-4677-AF58-0185939531C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0D33D8-9ECA-419D-9655-B9F76AC67B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2C987B-DD67-4CC3-B3E3-EF80A846FBEA}" type="datetime1">
              <a:rPr lang="en-GB" smtClean="0"/>
              <a:t>03/04/2019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73E21A2-0119-4543-815F-2107CF066AB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FD98A4A-7D42-4E32-8B17-2049746A04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2188338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7B3A435E-A970-45EE-A8F1-785EF7EC0E7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7313" cy="58134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AA83E55-CD50-40A9-B002-D7A61E745D8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3425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33ED7A-6A1E-4D1E-9184-99BDA272D69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335508-1941-4546-BBFA-8C06469D9F5E}" type="datetime1">
              <a:rPr lang="en-GB" smtClean="0"/>
              <a:t>03/04/2019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C477613-2363-4C80-AE28-D9FD9C627D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77B7927-994B-457F-92CB-D61761E2E6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893830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C666208A-F4F9-4299-9F9F-6881C4C08564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baseline="0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3"/>
            <a:ext cx="4886324" cy="5255844"/>
          </a:xfrm>
        </p:spPr>
        <p:txBody>
          <a:bodyPr/>
          <a:lstStyle>
            <a:lvl1pPr>
              <a:defRPr cap="none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7AE25691-DC33-4C04-AF2A-3DEFF887BB0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F99201D3-72C4-4206-8970-FC1ACB025C0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D31F44C6-0D2A-4A9C-B47D-813C7CB28981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9027372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1C52AC6E-7F31-46F0-897C-8CA895D525E5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cap="none" baseline="0" noProof="0" dirty="0"/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12A0CAF9-565B-4643-8539-61D9B882A51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3600"/>
            <a:ext cx="10588624" cy="748800"/>
          </a:xfrm>
        </p:spPr>
        <p:txBody>
          <a:bodyPr/>
          <a:lstStyle>
            <a:lvl1pPr>
              <a:defRPr cap="none" baseline="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6D6618B-DF84-4E96-B2FD-7B59D5717CE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98513" y="1633538"/>
            <a:ext cx="10588625" cy="4087812"/>
          </a:xfrm>
        </p:spPr>
        <p:txBody>
          <a:bodyPr/>
          <a:lstStyle>
            <a:lvl1pPr marL="361950" indent="-361950">
              <a:buFont typeface="+mj-lt"/>
              <a:buAutoNum type="arabicPeriod"/>
              <a:defRPr sz="1400" b="1" cap="none" baseline="0">
                <a:solidFill>
                  <a:schemeClr val="bg1"/>
                </a:solidFill>
              </a:defRPr>
            </a:lvl1pPr>
            <a:lvl2pPr marL="627063" indent="-265113">
              <a:defRPr sz="1400" b="1" cap="none" baseline="0">
                <a:solidFill>
                  <a:schemeClr val="bg1"/>
                </a:solidFill>
              </a:defRPr>
            </a:lvl2pPr>
            <a:lvl3pPr>
              <a:defRPr b="1" cap="none" baseline="0">
                <a:solidFill>
                  <a:schemeClr val="bg1"/>
                </a:solidFill>
              </a:defRPr>
            </a:lvl3pPr>
            <a:lvl4pPr>
              <a:defRPr b="1" cap="none" baseline="0">
                <a:solidFill>
                  <a:schemeClr val="bg1"/>
                </a:solidFill>
              </a:defRPr>
            </a:lvl4pPr>
            <a:lvl5pPr>
              <a:defRPr b="1" cap="none" baseline="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3023EA8A-7243-49C8-8C39-DC7F2EDABC6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0BFC8F03-4431-41CF-AF1F-ECDA545293A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54DF314A-D8D6-4B73-AF00-2AB04F9ABB49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2203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88DBAD0C-7FB6-4652-87AA-A678753BF18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3600"/>
            <a:ext cx="10588624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FF0F6B-AA6E-4B16-90F1-26987BBE96A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757960" y="6281956"/>
            <a:ext cx="6813203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id="{FDCD1E09-F97D-49B0-8DE9-0E701EFB5FB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BB4FBDA-123A-4678-AC5E-0BFC980E30D4}" type="datetime1">
              <a:rPr lang="en-GB" smtClean="0"/>
              <a:t>03/04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886325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9478155-5C9E-4D4A-AA75-125DF35A1CB8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499224" y="1645032"/>
            <a:ext cx="4887913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baseline="0"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1B842E0E-6D91-4141-882C-6C91050C6F2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C64885CE-5A72-464C-A675-4AEA666E3E6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CB9A4B8-39E0-4644-BF80-0BAEA38E01F8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108329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33" name="Content Placeholder 4">
            <a:extLst>
              <a:ext uri="{FF2B5EF4-FFF2-40B4-BE49-F238E27FC236}">
                <a16:creationId xmlns:a16="http://schemas.microsoft.com/office/drawing/2014/main" id="{535335C1-5736-449E-B5A3-80EF8EFB92D0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5684838" y="1645032"/>
            <a:ext cx="5702300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baseline="0"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4485281A-363B-4F1C-8128-EA4AF52562B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B0E6362C-AD60-4A3E-B1BD-8ACCD0B3D70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F1BF90D-99D4-421D-A941-D6E1E0A34034}" type="datetime1">
              <a:rPr lang="en-GB" smtClean="0"/>
              <a:t>03/04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41191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image" Target="../media/image2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6.xml"/><Relationship Id="rId3" Type="http://schemas.openxmlformats.org/officeDocument/2006/relationships/slideLayout" Target="../slideLayouts/slideLayout41.xml"/><Relationship Id="rId7" Type="http://schemas.openxmlformats.org/officeDocument/2006/relationships/slideLayout" Target="../slideLayouts/slideLayout45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40.xml"/><Relationship Id="rId1" Type="http://schemas.openxmlformats.org/officeDocument/2006/relationships/slideLayout" Target="../slideLayouts/slideLayout39.xml"/><Relationship Id="rId6" Type="http://schemas.openxmlformats.org/officeDocument/2006/relationships/slideLayout" Target="../slideLayouts/slideLayout44.xml"/><Relationship Id="rId11" Type="http://schemas.openxmlformats.org/officeDocument/2006/relationships/slideLayout" Target="../slideLayouts/slideLayout49.xml"/><Relationship Id="rId5" Type="http://schemas.openxmlformats.org/officeDocument/2006/relationships/slideLayout" Target="../slideLayouts/slideLayout43.xml"/><Relationship Id="rId10" Type="http://schemas.openxmlformats.org/officeDocument/2006/relationships/slideLayout" Target="../slideLayouts/slideLayout48.xml"/><Relationship Id="rId4" Type="http://schemas.openxmlformats.org/officeDocument/2006/relationships/slideLayout" Target="../slideLayouts/slideLayout42.xml"/><Relationship Id="rId9" Type="http://schemas.openxmlformats.org/officeDocument/2006/relationships/slideLayout" Target="../slideLayouts/slideLayout4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Freeform 5">
            <a:extLst>
              <a:ext uri="{FF2B5EF4-FFF2-40B4-BE49-F238E27FC236}">
                <a16:creationId xmlns:a16="http://schemas.microsoft.com/office/drawing/2014/main" id="{B3ADD142-CEBB-4289-94EB-AD59CA19C4E8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auto">
          <a:xfrm>
            <a:off x="798513" y="312840"/>
            <a:ext cx="10588625" cy="748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1800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GB" noProof="0" dirty="0"/>
              <a:t>Presentation title</a:t>
            </a:r>
            <a:br>
              <a:rPr lang="en-GB" noProof="0" dirty="0"/>
            </a:br>
            <a:r>
              <a:rPr lang="en-GB" noProof="0" dirty="0"/>
              <a:t>(in cyan)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2000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 b="0" baseline="0"/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31" name="Rectangle 7"/>
          <p:cNvSpPr>
            <a:spLocks noGrp="1" noChangeArrowheads="1"/>
          </p:cNvSpPr>
          <p:nvPr>
            <p:ph type="body" idx="1"/>
          </p:nvPr>
        </p:nvSpPr>
        <p:spPr bwMode="auto">
          <a:xfrm>
            <a:off x="798512" y="1648207"/>
            <a:ext cx="10588625" cy="406017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4 No bullet text 18</a:t>
            </a:r>
          </a:p>
          <a:p>
            <a:pPr lvl="4"/>
            <a:r>
              <a:rPr lang="en-GB" noProof="0" dirty="0"/>
              <a:t>5 </a:t>
            </a:r>
            <a:r>
              <a:rPr lang="en-GB" noProof="0" dirty="0" err="1"/>
              <a:t>Megaheader</a:t>
            </a:r>
            <a:r>
              <a:rPr lang="en-GB" noProof="0" dirty="0"/>
              <a:t> caps 48</a:t>
            </a:r>
          </a:p>
          <a:p>
            <a:pPr lvl="5"/>
            <a:r>
              <a:rPr lang="en-GB" noProof="0" dirty="0"/>
              <a:t>6 Header caps 18</a:t>
            </a:r>
          </a:p>
          <a:p>
            <a:pPr lvl="6"/>
            <a:r>
              <a:rPr lang="en-GB" noProof="0" dirty="0"/>
              <a:t>7 Text 18</a:t>
            </a:r>
          </a:p>
          <a:p>
            <a:pPr lvl="7"/>
            <a:r>
              <a:rPr lang="en-GB" noProof="0" dirty="0"/>
              <a:t>8 Number 16</a:t>
            </a:r>
          </a:p>
          <a:p>
            <a:pPr lvl="8"/>
            <a:r>
              <a:rPr lang="en-GB" noProof="0" dirty="0"/>
              <a:t>9 Letter 16</a:t>
            </a:r>
          </a:p>
          <a:p>
            <a:pPr lvl="8"/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D9E4955-7821-481C-9AF7-C7D93767559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0" name="Date_DateCustomA">
            <a:extLst>
              <a:ext uri="{FF2B5EF4-FFF2-40B4-BE49-F238E27FC236}">
                <a16:creationId xmlns:a16="http://schemas.microsoft.com/office/drawing/2014/main" id="{ADC3E656-DC3F-4718-B1B2-E5B4B66615C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0156681-AC4C-41F8-921C-2B49580162BD}" type="datetime1">
              <a:rPr lang="en-GB" smtClean="0"/>
              <a:t>03/04/2019</a:t>
            </a:fld>
            <a:endParaRPr lang="da-DK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A135459E-96A0-4D48-B1D9-A034EE07E024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-1899137" y="-1"/>
            <a:chExt cx="1796791" cy="2907588"/>
          </a:xfrm>
        </p:grpSpPr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7DF113FF-8BE3-4207-A5C6-F4579EED1B78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12" name="Picture 11">
                <a:extLst>
                  <a:ext uri="{FF2B5EF4-FFF2-40B4-BE49-F238E27FC236}">
                    <a16:creationId xmlns:a16="http://schemas.microsoft.com/office/drawing/2014/main" id="{5359A05F-1860-4448-A740-55E89B6688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0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18399B32-2EE3-49AE-80A0-6797B01E89E6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4" name="Rectangle: Rounded Corners 13">
                <a:extLst>
                  <a:ext uri="{FF2B5EF4-FFF2-40B4-BE49-F238E27FC236}">
                    <a16:creationId xmlns:a16="http://schemas.microsoft.com/office/drawing/2014/main" id="{6A251040-79B2-4E75-B580-29B9D6CC1B9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25B3411-6214-4AE2-A1EF-BEE63EC00B0E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1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86" r:id="rId1"/>
    <p:sldLayoutId id="2147483734" r:id="rId2"/>
    <p:sldLayoutId id="2147483797" r:id="rId3"/>
    <p:sldLayoutId id="2147483748" r:id="rId4"/>
    <p:sldLayoutId id="2147483788" r:id="rId5"/>
    <p:sldLayoutId id="2147483798" r:id="rId6"/>
    <p:sldLayoutId id="2147483737" r:id="rId7"/>
    <p:sldLayoutId id="2147483791" r:id="rId8"/>
    <p:sldLayoutId id="2147483770" r:id="rId9"/>
    <p:sldLayoutId id="2147483792" r:id="rId10"/>
    <p:sldLayoutId id="2147483793" r:id="rId11"/>
    <p:sldLayoutId id="2147483771" r:id="rId12"/>
    <p:sldLayoutId id="2147483795" r:id="rId13"/>
    <p:sldLayoutId id="2147483794" r:id="rId14"/>
    <p:sldLayoutId id="2147483768" r:id="rId15"/>
    <p:sldLayoutId id="2147483773" r:id="rId16"/>
    <p:sldLayoutId id="2147483769" r:id="rId17"/>
    <p:sldLayoutId id="2147483772" r:id="rId18"/>
    <p:sldLayoutId id="2147483774" r:id="rId19"/>
    <p:sldLayoutId id="2147483775" r:id="rId20"/>
    <p:sldLayoutId id="2147483776" r:id="rId21"/>
    <p:sldLayoutId id="2147483796" r:id="rId22"/>
    <p:sldLayoutId id="2147483777" r:id="rId23"/>
    <p:sldLayoutId id="2147483783" r:id="rId24"/>
    <p:sldLayoutId id="2147483782" r:id="rId25"/>
    <p:sldLayoutId id="2147483781" r:id="rId26"/>
    <p:sldLayoutId id="2147483780" r:id="rId27"/>
    <p:sldLayoutId id="2147483779" r:id="rId28"/>
    <p:sldLayoutId id="2147483784" r:id="rId29"/>
    <p:sldLayoutId id="2147483778" r:id="rId30"/>
    <p:sldLayoutId id="2147483785" r:id="rId31"/>
    <p:sldLayoutId id="2147483749" r:id="rId32"/>
    <p:sldLayoutId id="2147483746" r:id="rId33"/>
    <p:sldLayoutId id="2147483787" r:id="rId34"/>
    <p:sldLayoutId id="2147483738" r:id="rId35"/>
    <p:sldLayoutId id="2147483747" r:id="rId36"/>
    <p:sldLayoutId id="2147483767" r:id="rId37"/>
    <p:sldLayoutId id="2147483790" r:id="rId38"/>
  </p:sldLayoutIdLst>
  <p:hf hdr="0" ftr="0" dt="0"/>
  <p:txStyles>
    <p:titleStyle>
      <a:lvl1pPr algn="l" defTabSz="457189" rtl="0" eaLnBrk="1" fontAlgn="base" hangingPunct="1">
        <a:spcBef>
          <a:spcPct val="0"/>
        </a:spcBef>
        <a:spcAft>
          <a:spcPct val="0"/>
        </a:spcAft>
        <a:defRPr sz="2400" b="1" kern="1200" cap="all" spc="-50" baseline="0">
          <a:solidFill>
            <a:schemeClr val="tx2"/>
          </a:solidFill>
          <a:latin typeface="Verdana"/>
          <a:ea typeface="Verdana" pitchFamily="34" charset="0"/>
          <a:cs typeface="Verdana" pitchFamily="34" charset="0"/>
        </a:defRPr>
      </a:lvl1pPr>
      <a:lvl2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2pPr>
      <a:lvl3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3pPr>
      <a:lvl4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4pPr>
      <a:lvl5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5pPr>
      <a:lvl6pPr marL="457189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6pPr>
      <a:lvl7pPr marL="914377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7pPr>
      <a:lvl8pPr marL="1371566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8pPr>
      <a:lvl9pPr marL="1828754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9pPr>
    </p:titleStyle>
    <p:bodyStyle>
      <a:lvl1pPr marL="252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kern="1200" spc="-50" baseline="0">
          <a:solidFill>
            <a:schemeClr val="tx1"/>
          </a:solidFill>
          <a:latin typeface="Verdana"/>
          <a:ea typeface="Verdana" pitchFamily="34" charset="0"/>
          <a:cs typeface="Verdana" pitchFamily="34" charset="0"/>
        </a:defRPr>
      </a:lvl1pPr>
      <a:lvl2pPr marL="648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6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2pPr>
      <a:lvl3pPr marL="9792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4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3pPr>
      <a:lvl4pPr marL="0" indent="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18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4pPr>
      <a:lvl5pPr marL="0" indent="0" algn="l" defTabSz="457189" rtl="0" eaLnBrk="1" fontAlgn="base" hangingPunct="1">
        <a:lnSpc>
          <a:spcPct val="8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4800" b="1" kern="1200" cap="all" spc="-100" baseline="0">
          <a:solidFill>
            <a:schemeClr val="tx1"/>
          </a:solidFill>
          <a:latin typeface="Verdana"/>
          <a:ea typeface="Verdana" pitchFamily="34" charset="0"/>
          <a:cs typeface="+mn-cs"/>
        </a:defRPr>
      </a:lvl5pPr>
      <a:lvl6pPr marL="0" indent="0" algn="l" defTabSz="457189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anose="020B0604020202020204" pitchFamily="34" charset="0"/>
        <a:buChar char="​"/>
        <a:defRPr sz="1800" b="1" kern="1200" cap="all" spc="-50" baseline="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457189" rtl="0" eaLnBrk="1" latinLnBrk="0" hangingPunct="1"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800" i="0" kern="1200" spc="-50">
          <a:solidFill>
            <a:schemeClr val="bg2"/>
          </a:solidFill>
          <a:latin typeface="+mn-lt"/>
          <a:ea typeface="+mn-ea"/>
          <a:cs typeface="+mn-cs"/>
        </a:defRPr>
      </a:lvl7pPr>
      <a:lvl8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rabi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lphaU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6659" userDrawn="1">
          <p15:clr>
            <a:srgbClr val="F26B43"/>
          </p15:clr>
        </p15:guide>
        <p15:guide id="2" pos="7173" userDrawn="1">
          <p15:clr>
            <a:srgbClr val="F26B43"/>
          </p15:clr>
        </p15:guide>
        <p15:guide id="3" orient="horz" pos="1036" userDrawn="1">
          <p15:clr>
            <a:srgbClr val="F26B43"/>
          </p15:clr>
        </p15:guide>
        <p15:guide id="4" orient="horz" pos="3595" userDrawn="1">
          <p15:clr>
            <a:srgbClr val="F26B43"/>
          </p15:clr>
        </p15:guide>
        <p15:guide id="5" pos="6146" userDrawn="1">
          <p15:clr>
            <a:srgbClr val="F26B43"/>
          </p15:clr>
        </p15:guide>
        <p15:guide id="6" pos="5633" userDrawn="1">
          <p15:clr>
            <a:srgbClr val="F26B43"/>
          </p15:clr>
        </p15:guide>
        <p15:guide id="7" pos="5120" userDrawn="1">
          <p15:clr>
            <a:srgbClr val="F26B43"/>
          </p15:clr>
        </p15:guide>
        <p15:guide id="8" pos="4607" userDrawn="1">
          <p15:clr>
            <a:srgbClr val="F26B43"/>
          </p15:clr>
        </p15:guide>
        <p15:guide id="9" pos="4094" userDrawn="1">
          <p15:clr>
            <a:srgbClr val="F26B43"/>
          </p15:clr>
        </p15:guide>
        <p15:guide id="10" pos="3581" userDrawn="1">
          <p15:clr>
            <a:srgbClr val="F26B43"/>
          </p15:clr>
        </p15:guide>
        <p15:guide id="11" pos="3068" userDrawn="1">
          <p15:clr>
            <a:srgbClr val="F26B43"/>
          </p15:clr>
        </p15:guide>
        <p15:guide id="12" pos="2555" userDrawn="1">
          <p15:clr>
            <a:srgbClr val="F26B43"/>
          </p15:clr>
        </p15:guide>
        <p15:guide id="13" pos="2042" userDrawn="1">
          <p15:clr>
            <a:srgbClr val="F26B43"/>
          </p15:clr>
        </p15:guide>
        <p15:guide id="14" pos="1529" userDrawn="1">
          <p15:clr>
            <a:srgbClr val="F26B43"/>
          </p15:clr>
        </p15:guide>
        <p15:guide id="15" pos="1016" userDrawn="1">
          <p15:clr>
            <a:srgbClr val="F26B43"/>
          </p15:clr>
        </p15:guide>
        <p15:guide id="16" pos="502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37D9376C-C2A8-4B73-8863-91D67E57C4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4013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FAAAC1E-2549-4DB4-8550-C203A84A562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4013" cy="435292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4FB6D1C-135F-410A-B9C9-C8EAB8A48AD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7938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04B2A8-08AB-4DD0-B83A-2B3916558442}" type="datetime1">
              <a:rPr lang="en-GB" smtClean="0"/>
              <a:t>03/04/2019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8DB1532-7F62-41F6-BDF7-BD9846A72AD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7938"/>
            <a:ext cx="411321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34B30BA-3351-4CF4-B2C3-BF7BEF39EA8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09013" y="6357938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6789605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00" r:id="rId1"/>
    <p:sldLayoutId id="2147483801" r:id="rId2"/>
    <p:sldLayoutId id="2147483802" r:id="rId3"/>
    <p:sldLayoutId id="2147483803" r:id="rId4"/>
    <p:sldLayoutId id="2147483804" r:id="rId5"/>
    <p:sldLayoutId id="2147483805" r:id="rId6"/>
    <p:sldLayoutId id="2147483806" r:id="rId7"/>
    <p:sldLayoutId id="2147483807" r:id="rId8"/>
    <p:sldLayoutId id="2147483808" r:id="rId9"/>
    <p:sldLayoutId id="2147483809" r:id="rId10"/>
    <p:sldLayoutId id="2147483810" r:id="rId11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Relationship Id="rId4" Type="http://schemas.openxmlformats.org/officeDocument/2006/relationships/image" Target="../media/image4.jp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8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8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emf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emf"/><Relationship Id="rId2" Type="http://schemas.openxmlformats.org/officeDocument/2006/relationships/image" Target="../media/image7.emf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LD_PresentationTitle">
            <a:extLst>
              <a:ext uri="{FF2B5EF4-FFF2-40B4-BE49-F238E27FC236}">
                <a16:creationId xmlns:a16="http://schemas.microsoft.com/office/drawing/2014/main" id="{C9A28A98-FCC3-491B-88DD-1C48456968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98513" y="202735"/>
            <a:ext cx="9773112" cy="681548"/>
          </a:xfrm>
        </p:spPr>
        <p:txBody>
          <a:bodyPr/>
          <a:lstStyle/>
          <a:p>
            <a:r>
              <a:rPr lang="en-US" dirty="0"/>
              <a:t>Western Regional Modeling and Analysis Platform</a:t>
            </a:r>
            <a:endParaRPr lang="en-GB" dirty="0"/>
          </a:p>
        </p:txBody>
      </p:sp>
      <p:sp>
        <p:nvSpPr>
          <p:cNvPr id="3" name="FLD_PresentationTitle_2">
            <a:extLst>
              <a:ext uri="{FF2B5EF4-FFF2-40B4-BE49-F238E27FC236}">
                <a16:creationId xmlns:a16="http://schemas.microsoft.com/office/drawing/2014/main" id="{47591E0B-C45B-4376-B200-46F184CB5A5E}"/>
              </a:ext>
            </a:extLst>
          </p:cNvPr>
          <p:cNvSpPr>
            <a:spLocks noGrp="1"/>
          </p:cNvSpPr>
          <p:nvPr>
            <p:ph type="subTitle" sz="quarter" idx="1"/>
          </p:nvPr>
        </p:nvSpPr>
        <p:spPr>
          <a:xfrm>
            <a:off x="798513" y="1619503"/>
            <a:ext cx="9772652" cy="742250"/>
          </a:xfrm>
        </p:spPr>
        <p:txBody>
          <a:bodyPr/>
          <a:lstStyle/>
          <a:p>
            <a:r>
              <a:rPr lang="en-US" sz="4400" dirty="0"/>
              <a:t>Phase II Modeling Plan and Recommendations</a:t>
            </a:r>
            <a:endParaRPr lang="en-GB" sz="4400" dirty="0"/>
          </a:p>
        </p:txBody>
      </p:sp>
      <p:sp>
        <p:nvSpPr>
          <p:cNvPr id="4" name="FLD_PresentationSubtitle">
            <a:extLst>
              <a:ext uri="{FF2B5EF4-FFF2-40B4-BE49-F238E27FC236}">
                <a16:creationId xmlns:a16="http://schemas.microsoft.com/office/drawing/2014/main" id="{5CF200BE-F69F-4207-B519-D798523986C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98513" y="3635829"/>
            <a:ext cx="4655804" cy="1707243"/>
          </a:xfrm>
        </p:spPr>
        <p:txBody>
          <a:bodyPr/>
          <a:lstStyle/>
          <a:p>
            <a:r>
              <a:rPr lang="en-GB" sz="1800" dirty="0"/>
              <a:t>Ralph Morris, Tejas Shah, Marco Rodriguez and Pradeepa Vennam </a:t>
            </a:r>
          </a:p>
          <a:p>
            <a:r>
              <a:rPr lang="en-GB" sz="1800" dirty="0"/>
              <a:t>Ramboll</a:t>
            </a:r>
          </a:p>
          <a:p>
            <a:endParaRPr lang="en-GB" sz="1800" dirty="0"/>
          </a:p>
          <a:p>
            <a:r>
              <a:rPr lang="en-GB" sz="1800" dirty="0"/>
              <a:t>B.H Baek</a:t>
            </a:r>
          </a:p>
          <a:p>
            <a:r>
              <a:rPr lang="en-GB" sz="1800" dirty="0"/>
              <a:t>UNC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DCAC3DC-4C01-4B83-A25A-09D014CE5E0E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23906"/>
          <a:stretch/>
        </p:blipFill>
        <p:spPr>
          <a:xfrm>
            <a:off x="5541030" y="2892971"/>
            <a:ext cx="6217920" cy="354863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8681778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D73896-D0B2-4B73-B317-5D84CF151F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014v2 Shake-Out Improvements – Anthropogenic Emissions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0347B91-4165-4AD1-B885-0DD398BBED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000" dirty="0"/>
              <a:t>WRAP 2014v2 updates – discussed earlier in emissions sectio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377831D-5B9D-4752-A9D0-8BFAD17070E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5464387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71B76F-0656-46FF-9C75-4D27249989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otential CAMx and CMAQ Updates for 2014v2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72DE40-1CCE-4E6E-A19C-57ED560C7FA1}"/>
              </a:ext>
            </a:extLst>
          </p:cNvPr>
          <p:cNvSpPr>
            <a:spLocks noGrp="1"/>
          </p:cNvSpPr>
          <p:nvPr>
            <p:ph idx="12"/>
          </p:nvPr>
        </p:nvSpPr>
        <p:spPr/>
        <p:txBody>
          <a:bodyPr/>
          <a:lstStyle/>
          <a:p>
            <a:r>
              <a:rPr lang="en-US" sz="2000" dirty="0"/>
              <a:t>Possible CAMx Updat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Currently using CAMx v6.5 (Apr 2018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Bidi ammonia flux (Zhang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Explicit DMS chemistry 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Boundary Conditions Source Apportionment Capability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600" dirty="0"/>
              <a:t>For example, separately track BC concentrations due to anthropogenic and natural sources from GEOS-Chem zero-out runs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9F60789E-BCA8-4C25-951C-2B602A3246B9}"/>
              </a:ext>
            </a:extLst>
          </p:cNvPr>
          <p:cNvSpPr>
            <a:spLocks noGrp="1"/>
          </p:cNvSpPr>
          <p:nvPr>
            <p:ph sz="quarter" idx="16"/>
          </p:nvPr>
        </p:nvSpPr>
        <p:spPr/>
        <p:txBody>
          <a:bodyPr/>
          <a:lstStyle/>
          <a:p>
            <a:r>
              <a:rPr lang="en-US" sz="2000" dirty="0"/>
              <a:t>Possible CMAQ Updat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Currently using CMAQ v5.2.1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Ammonia bi-directional flux for in-line depositio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CMAQ in-line WBD algorithm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600" dirty="0"/>
              <a:t>Instead of using CAMx off-line WBD pre-processor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CMAQ v5.3 (currently beta) finalized ~Jul 2019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600" dirty="0"/>
              <a:t>Halogen chemistry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600" dirty="0"/>
              <a:t>New AERO7/&amp;I aerosol chemistr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9E0CC08-549D-4B46-9568-15F07123CB0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3091369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977333-B75C-41B9-BD6B-483FC156A7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urrent 2014v2 Base Case Recommended Improvement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30A9E3-6509-4B52-A357-161F65A8E26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020417"/>
            <a:ext cx="10588625" cy="4687970"/>
          </a:xfrm>
        </p:spPr>
        <p:txBody>
          <a:bodyPr/>
          <a:lstStyle/>
          <a:p>
            <a:r>
              <a:rPr lang="en-US" dirty="0"/>
              <a:t>Final annual 2014 Shake-Out runs completed less than a week so still undergoing review so additional recommendations may be forthcoming </a:t>
            </a:r>
          </a:p>
          <a:p>
            <a:r>
              <a:rPr lang="en-US" dirty="0"/>
              <a:t>Revised 2014 GEOS-Chem Base Case using 2016 Geos-Chem configuration and updat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Implement same updates that Ramboll implemented in 2016 GEOS-Chem modeling that reduced ozone and SO4 BC overestimatio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Use higher 1 x 1.5 degree (~110 km)</a:t>
            </a:r>
          </a:p>
          <a:p>
            <a:r>
              <a:rPr lang="en-US" dirty="0"/>
              <a:t>Identify source of high SO4 and update Oceanic Emissions Processor </a:t>
            </a:r>
          </a:p>
          <a:p>
            <a:r>
              <a:rPr lang="en-US" dirty="0"/>
              <a:t>Revisit MEGA vs. BEIS biogenic emissions sensitivity from theoretical basis (Ramboll, Guenther, EPA discussions), emissions analysis and CAMx/CMAQ annual MPE using BEIS</a:t>
            </a:r>
          </a:p>
          <a:p>
            <a:r>
              <a:rPr lang="en-US" dirty="0"/>
              <a:t>Revised SMOKE 12-km 12US2 emissions modeling using WRAP 2014v2 emissions</a:t>
            </a:r>
          </a:p>
          <a:p>
            <a:r>
              <a:rPr lang="en-US" dirty="0"/>
              <a:t>Configure CAMx with 36/12-km two-way grid nesting using WAQS WRF?</a:t>
            </a:r>
          </a:p>
          <a:p>
            <a:r>
              <a:rPr lang="en-US" dirty="0"/>
              <a:t>Revised 2014v2 CAMx and CMAQ annual simulations using both 12-km WAQS 12WUS2 and EPA 12US2 WRF meteorological input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MPE and transfer databases and outputs to IWDW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E2BDCEC-E678-4A3D-911A-CAE216FAFA52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7611753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38C0554-C607-4DC8-8377-ACCB16F2467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016 Modeling Platform – EPA/MJO Collaborativ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22B27FE-B595-4B03-8E86-416A49FB5E4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166190"/>
            <a:ext cx="7099784" cy="4727726"/>
          </a:xfrm>
        </p:spPr>
        <p:txBody>
          <a:bodyPr/>
          <a:lstStyle/>
          <a:p>
            <a:r>
              <a:rPr lang="en-US" dirty="0"/>
              <a:t>EPA 2014 beta (2014b) modeling platform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EPA/MJO 2016, 2023, 2028 Emiss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36-km 36US3 Expanded NA Domain </a:t>
            </a:r>
            <a:r>
              <a:rPr lang="en-US" dirty="0">
                <a:sym typeface="Wingdings" panose="05000000000000000000" pitchFamily="2" charset="2"/>
              </a:rPr>
              <a:t>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>
                <a:sym typeface="Wingdings" panose="05000000000000000000" pitchFamily="2" charset="2"/>
              </a:rPr>
              <a:t>12-km 12US2 CONUS domai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>
                <a:sym typeface="Wingdings" panose="05000000000000000000" pitchFamily="2" charset="2"/>
              </a:rPr>
              <a:t>BCs based on hemispheric CMAQ (CMAQ-HEMI)</a:t>
            </a:r>
          </a:p>
          <a:p>
            <a:r>
              <a:rPr lang="en-US" dirty="0">
                <a:sym typeface="Wingdings" panose="05000000000000000000" pitchFamily="2" charset="2"/>
              </a:rPr>
              <a:t>EPRI International Emissions Study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>
                <a:sym typeface="Wingdings" panose="05000000000000000000" pitchFamily="2" charset="2"/>
              </a:rPr>
              <a:t>Same EPA 2014b 36/12-km CAMx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>
                <a:sym typeface="Wingdings" panose="05000000000000000000" pitchFamily="2" charset="2"/>
              </a:rPr>
              <a:t>BCs based on 2016 GEOS-Chem</a:t>
            </a:r>
          </a:p>
          <a:p>
            <a:r>
              <a:rPr lang="en-US" dirty="0">
                <a:sym typeface="Wingdings" panose="05000000000000000000" pitchFamily="2" charset="2"/>
              </a:rPr>
              <a:t>Denver RAQC/CDPHE Ozone SIP Modeling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>
                <a:sym typeface="Wingdings" panose="05000000000000000000" pitchFamily="2" charset="2"/>
              </a:rPr>
              <a:t>Same 36/12-km domain and emissions as EPA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>
                <a:sym typeface="Wingdings" panose="05000000000000000000" pitchFamily="2" charset="2"/>
              </a:rPr>
              <a:t>New WRF 36/12/4-km meteorological modeling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>
                <a:sym typeface="Wingdings" panose="05000000000000000000" pitchFamily="2" charset="2"/>
              </a:rPr>
              <a:t>36/12/4-km domains consistent so can use two-way grid nesting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>
                <a:sym typeface="Wingdings" panose="05000000000000000000" pitchFamily="2" charset="2"/>
              </a:rPr>
              <a:t>4-km Colorado domain with traffic data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577C5B9-AAE0-4774-9434-12D597D7073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3</a:t>
            </a:fld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49916F45-9086-4252-A129-073BE609740C}"/>
              </a:ext>
            </a:extLst>
          </p:cNvPr>
          <p:cNvPicPr/>
          <p:nvPr/>
        </p:nvPicPr>
        <p:blipFill rotWithShape="1">
          <a:blip r:embed="rId2"/>
          <a:srcRect l="19907" t="27172" r="36102" b="10082"/>
          <a:stretch/>
        </p:blipFill>
        <p:spPr bwMode="auto">
          <a:xfrm>
            <a:off x="6347792" y="980662"/>
            <a:ext cx="5384959" cy="4250648"/>
          </a:xfrm>
          <a:prstGeom prst="rect">
            <a:avLst/>
          </a:prstGeom>
          <a:ln>
            <a:solidFill>
              <a:schemeClr val="bg2">
                <a:lumMod val="60000"/>
                <a:lumOff val="40000"/>
              </a:schemeClr>
            </a:solidFill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78556823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E5EFF10-0FD7-4A8D-92D3-3D6FFF56BE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urrent 2016 Base Case Recommendat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34DA06-2D7E-424E-AE2F-C190E01081C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325217"/>
            <a:ext cx="10588625" cy="4383170"/>
          </a:xfrm>
        </p:spPr>
        <p:txBody>
          <a:bodyPr/>
          <a:lstStyle/>
          <a:p>
            <a:r>
              <a:rPr lang="en-US" dirty="0"/>
              <a:t>Track and follow EPA, EPRI and Denver 2016 (and potentially others?) modeling effort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Let them do the heavy lifting ($$$) to develop and do initial evaluation of the 2016 36/12-km CAMx/CMAQ databas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Potentially low-level work on MPE of interest to WRAP (e.g., MPE at western IMPROVE sites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Decide how want to use 2016 platform at later date?</a:t>
            </a:r>
          </a:p>
          <a:p>
            <a:r>
              <a:rPr lang="en-US" dirty="0"/>
              <a:t>Future Year Emiss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EPA/MJO developing 36/12-km 36US3/12US2 model-ready emissions for 2028 and 2023 future year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an use directly with 2016 36/12-km CAMx/CMAQ databas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an window emissions for 2014 35/12-km CAMx/CMAQ database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ince 2016beta emissions were built of 2014NEIv2, then 2023 and 2028 projections are consistent with 2014NEI emiss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May want to have states review 2028 emissions projection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6A62763-A991-49BC-A866-378350F73E1E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7517149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4F3F27-AE5E-43BD-A3F1-E456F18FB3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ource Apportionment (SA) Model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126929D-ACB7-4D48-A055-03C66D0B65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136591"/>
            <a:ext cx="10588625" cy="4571796"/>
          </a:xfrm>
        </p:spPr>
        <p:txBody>
          <a:bodyPr/>
          <a:lstStyle/>
          <a:p>
            <a:r>
              <a:rPr lang="en-US" dirty="0"/>
              <a:t>Lessons learned from WestJumpAQMS and WAQ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Perform several Rounds of SA rather than try to run a gigantic configuratio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Allows one to take advantage of corrections and updates to modeling platform</a:t>
            </a:r>
          </a:p>
          <a:p>
            <a:r>
              <a:rPr lang="en-US" u="sng" dirty="0"/>
              <a:t>SA Round 1: 2014 International and Anthro vs. Natural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u="sng" dirty="0"/>
              <a:t>Purpose</a:t>
            </a:r>
            <a:r>
              <a:rPr lang="en-US" dirty="0"/>
              <a:t>:  Can compare current year (2014) modeled vs. statistical anthropogenic impairment including MIDs.  Provides estimate of background (natural) conditions.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u="sng" dirty="0"/>
              <a:t>APCA ozone + PSAT with no SOA (SOA, SOB) -- Source Groups (~10) – will run relatively fast: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U.S. Anthropogenic Emissions 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		[Rx+Ag fires separately?]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Mexico Anthropogenic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Canada Anthropogenic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Natural Emissions for 36/12-km Domain (Biogenic, LNOx, WBD, SSA/DMS, and WF)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		[track WFs as separate source group, possibly SSA/DMS as well?]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 SA BCs by Anthropogenic vs. Other from GEOS-Chem Zero-Out (if available)</a:t>
            </a:r>
          </a:p>
          <a:p>
            <a:pPr lvl="3"/>
            <a:r>
              <a:rPr lang="en-US" dirty="0"/>
              <a:t>  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F861FFE-9F43-4487-BBD2-58170507519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937798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DF39B3B0-F3F9-4E0B-89C0-AFF9EE21B2F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ource Apportionment (SA) Modeling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E3E2106-837E-4869-9FE8-E509CDBB70E1}"/>
              </a:ext>
            </a:extLst>
          </p:cNvPr>
          <p:cNvSpPr>
            <a:spLocks noGrp="1"/>
          </p:cNvSpPr>
          <p:nvPr>
            <p:ph idx="12"/>
          </p:nvPr>
        </p:nvSpPr>
        <p:spPr>
          <a:xfrm>
            <a:off x="798513" y="1290415"/>
            <a:ext cx="5234818" cy="4417972"/>
          </a:xfrm>
        </p:spPr>
        <p:txBody>
          <a:bodyPr/>
          <a:lstStyle/>
          <a:p>
            <a:r>
              <a:rPr lang="en-US" u="sng" dirty="0"/>
              <a:t>SA Round 2: Geographic Contributions</a:t>
            </a:r>
          </a:p>
          <a:p>
            <a:pPr lvl="1"/>
            <a:r>
              <a:rPr lang="en-US" u="sng" dirty="0"/>
              <a:t>Purpose</a:t>
            </a:r>
            <a:r>
              <a:rPr lang="en-US" dirty="0"/>
              <a:t>:  Can conduct CSAPR-type analysis for ozone and PM2.5.  Estimate State anthropogenic emissions contribution to visibility impairment on MIDs at CIAs (state consultation).  2014 and/or 2028 year.</a:t>
            </a:r>
          </a:p>
          <a:p>
            <a:pPr lvl="1"/>
            <a:r>
              <a:rPr lang="en-US" u="sng" dirty="0"/>
              <a:t>46 Source Groups</a:t>
            </a:r>
            <a:r>
              <a:rPr lang="en-US" dirty="0"/>
              <a:t>:</a:t>
            </a:r>
          </a:p>
          <a:p>
            <a:pPr lvl="2"/>
            <a:r>
              <a:rPr lang="en-US" dirty="0"/>
              <a:t>21 Source Regions</a:t>
            </a:r>
          </a:p>
          <a:p>
            <a:pPr lvl="2"/>
            <a:r>
              <a:rPr lang="en-US" dirty="0"/>
              <a:t>4 Source Categories: Anthro; WF; Rx+AG; Natural (Biogenic; LNOX; WBD; SSA/DMS)</a:t>
            </a:r>
          </a:p>
          <a:p>
            <a:pPr lvl="2"/>
            <a:r>
              <a:rPr lang="en-US" dirty="0"/>
              <a:t>46 = 21 x 4 + 2 (IC/BC)</a:t>
            </a:r>
          </a:p>
          <a:p>
            <a:pPr lvl="1"/>
            <a:endParaRPr lang="en-US" dirty="0"/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A96C948-22CE-4522-93EB-94B05C5FEC70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6</a:t>
            </a:fld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190738B-8EF0-4C35-BBD6-E5F9914B8132}"/>
              </a:ext>
            </a:extLst>
          </p:cNvPr>
          <p:cNvPicPr/>
          <p:nvPr/>
        </p:nvPicPr>
        <p:blipFill>
          <a:blip r:embed="rId2"/>
          <a:stretch>
            <a:fillRect/>
          </a:stretch>
        </p:blipFill>
        <p:spPr>
          <a:xfrm>
            <a:off x="6505575" y="1290415"/>
            <a:ext cx="4881561" cy="41826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292771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D2ED4A-95DC-4DF6-B96F-3EB192AA54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ource Apportionment (SA) Model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D95AB3-C0E2-4C45-9DA1-7D651380FF2A}"/>
              </a:ext>
            </a:extLst>
          </p:cNvPr>
          <p:cNvSpPr>
            <a:spLocks noGrp="1"/>
          </p:cNvSpPr>
          <p:nvPr>
            <p:ph idx="12"/>
          </p:nvPr>
        </p:nvSpPr>
        <p:spPr>
          <a:xfrm>
            <a:off x="798513" y="1358781"/>
            <a:ext cx="4886325" cy="4349606"/>
          </a:xfrm>
        </p:spPr>
        <p:txBody>
          <a:bodyPr/>
          <a:lstStyle/>
          <a:p>
            <a:r>
              <a:rPr lang="en-US" u="sng" dirty="0"/>
              <a:t>SA Round 3: Source Sector Contributions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u="sng" dirty="0"/>
              <a:t>Purpose</a:t>
            </a:r>
            <a:r>
              <a:rPr lang="en-US" dirty="0"/>
              <a:t>: Obtain source sector contributions to ozone, PM2.5 and regional haze.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APCA + PSAT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u="sng" dirty="0"/>
              <a:t>11 Source Groups</a:t>
            </a:r>
            <a:r>
              <a:rPr lang="en-US" dirty="0"/>
              <a:t>:  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Natural (Biogenic, LNOX, WBD, SSA/.?DMS)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Wildfires (WF)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Other Fires (Rx+Ag)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Mexico Anthro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Canada Anthro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EGU Point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O&amp;G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Other Point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On-Road Mobile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Non-Road Mobile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Other Anthropogenic</a:t>
            </a:r>
          </a:p>
          <a:p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417796D-32EE-4ABC-8E5B-E90922012B22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499224" y="1358780"/>
            <a:ext cx="4887913" cy="4349606"/>
          </a:xfrm>
        </p:spPr>
        <p:txBody>
          <a:bodyPr/>
          <a:lstStyle/>
          <a:p>
            <a:r>
              <a:rPr lang="en-US" dirty="0"/>
              <a:t>SA Round 4:  Refined Analysi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ombine geographic and source sector to address specific issues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8ECCD64-8B8E-45E3-8E37-91AE1A7C359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5671733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72E0F3-C6C8-4913-ACDF-50FCE6AD3F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Visualization of Source Apportionment Result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34E08C7-E05B-49E0-BBEC-A93600CF003C}"/>
              </a:ext>
            </a:extLst>
          </p:cNvPr>
          <p:cNvSpPr>
            <a:spLocks noGrp="1"/>
          </p:cNvSpPr>
          <p:nvPr>
            <p:ph idx="12"/>
          </p:nvPr>
        </p:nvSpPr>
        <p:spPr>
          <a:xfrm>
            <a:off x="798513" y="1367327"/>
            <a:ext cx="4886325" cy="4341060"/>
          </a:xfrm>
        </p:spPr>
        <p:txBody>
          <a:bodyPr/>
          <a:lstStyle/>
          <a:p>
            <a:r>
              <a:rPr lang="en-US" dirty="0"/>
              <a:t>Can port SA results at sites to interactive Excel spreadsheets with drop down menus and bar and pie charts (WestJumpAQMS)</a:t>
            </a:r>
          </a:p>
          <a:p>
            <a:r>
              <a:rPr lang="en-US" dirty="0"/>
              <a:t>Or load data into SA Visualization Tool pos on the IMWD as was done in WSAQS and Denver ozone SIP modeling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821EB99-A71A-40F8-968E-C425A14D2A4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8</a:t>
            </a:fld>
            <a:endParaRPr lang="en-GB" dirty="0"/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DDECEC38-165F-4172-9120-95A16EB94F0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58473" y="1752585"/>
            <a:ext cx="5435781" cy="35919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274534993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C15399-1DFA-43FE-B596-2F389EE22C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sk 1:  Modeling Pla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039E727-D0F7-4509-9BF4-A0D6DEC5F5E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202400"/>
            <a:ext cx="10588625" cy="4505987"/>
          </a:xfrm>
        </p:spPr>
        <p:txBody>
          <a:bodyPr/>
          <a:lstStyle/>
          <a:p>
            <a:r>
              <a:rPr lang="en-US" sz="2000" dirty="0"/>
              <a:t>Phase I:  2014 WRAP Shake-Out Modeling Pla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Draft 2014 Shake-Out Modeling Plan – December 31, 2018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Updated Draft 2014 Shake-Out Modeling Plan and Response-to-Comments – February 2, 2019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Second Updated Draft 2014 Shake-Out Modeling Plan and Response-to-Comments – March 9, 2019</a:t>
            </a:r>
          </a:p>
          <a:p>
            <a:pPr lvl="2">
              <a:spcAft>
                <a:spcPts val="1800"/>
              </a:spcAft>
              <a:buFont typeface="Wingdings" panose="05000000000000000000" pitchFamily="2" charset="2"/>
              <a:buChar char="§"/>
            </a:pPr>
            <a:r>
              <a:rPr lang="en-US" sz="1600" dirty="0"/>
              <a:t>Will post Second Updated Draft and Response-to-Comments on IWDW next week</a:t>
            </a:r>
          </a:p>
          <a:p>
            <a:r>
              <a:rPr lang="en-US" sz="2000" dirty="0"/>
              <a:t>Phase II:  Modeling Plan Addendum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Lessons learned in past modeling studies: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600" dirty="0"/>
              <a:t>2008 WestJumpAQMS; 2011 WAQS; 2011, 2014 &amp; 2016b EPA; 2014 WRAP Shake-Out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2014v2 – Potential Improvements to 2014 Platform</a:t>
            </a:r>
          </a:p>
          <a:p>
            <a:pPr lvl="1">
              <a:spcAft>
                <a:spcPts val="1800"/>
              </a:spcAft>
              <a:buFont typeface="Courier New" panose="02070309020205020404" pitchFamily="49" charset="0"/>
              <a:buChar char="o"/>
            </a:pPr>
            <a:r>
              <a:rPr lang="en-US" sz="1800" dirty="0"/>
              <a:t>2016b &amp; 2016v1 EPA Platform – EPA Schedule and Potential Improvements</a:t>
            </a:r>
          </a:p>
          <a:p>
            <a:pPr marL="0" indent="0">
              <a:spcAft>
                <a:spcPts val="1800"/>
              </a:spcAft>
              <a:buNone/>
            </a:pP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8A8C4A9-3237-49DA-BB59-66DE0834741D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5096233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8F6C25A-1ABC-4346-95E3-E3EDE4259A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014 Shake-Out Model Improvements for 2014v2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A49DBDB-CB96-46B4-9B51-3626E91827E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202400"/>
            <a:ext cx="10588625" cy="4505987"/>
          </a:xfrm>
        </p:spPr>
        <p:txBody>
          <a:bodyPr/>
          <a:lstStyle/>
          <a:p>
            <a:r>
              <a:rPr lang="en-US" dirty="0"/>
              <a:t>Boundary Conditions (BC) – 2014 GEOS-Chem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ystematic ozone overestimation bia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Too high sulfur BCs – other issues?</a:t>
            </a:r>
          </a:p>
          <a:p>
            <a:r>
              <a:rPr lang="en-US" dirty="0"/>
              <a:t>Meteorology – 2014 WRF 12-km WAQS 12WUS2 vs. EPA 12US2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elected WAQS 12WUS2 based on better precipitation performance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Evaluation confounded by GCBCs performance issues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Carry EPA 12US2 database throughout process</a:t>
            </a:r>
          </a:p>
          <a:p>
            <a:r>
              <a:rPr lang="en-US" dirty="0"/>
              <a:t>Emissions – Updated 2014NEIv2; MEGANvsBEIS; Oceanic; LNOx; WBD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WRAP 2014v2 updates (CA etc.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MEGAN vs. BEIS – BEIS selected based on better OA performance (Not Locked In)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Need to examine more closely and make sure not getting the right answer for the wrong reaso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Other emissions updates (e.g., Oceanic SSA-PSO4 &amp; DMS)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646DDF2-CFB5-4BAC-94C2-B5EB5C43AEB7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8024135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8AB18-9D1C-428F-AD20-4D4CCA07CD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014v2 Shake-Out Improvements – Boundary Conditions (BCs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A57CAA3-B1A1-480F-9229-F99F5F1F0E1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338470"/>
            <a:ext cx="10588625" cy="4369917"/>
          </a:xfrm>
        </p:spPr>
        <p:txBody>
          <a:bodyPr/>
          <a:lstStyle/>
          <a:p>
            <a:r>
              <a:rPr lang="en-US" sz="2000" dirty="0"/>
              <a:t>BCs based on EPA’s 2014 GEOS-Chem run exhibit several model performance issue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Systematic overstatement of ozone concentrations year-round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Overstated sulfur (SO2/SO4) concentrations, even when eruptions corrected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Two potential ‘fixes” to BCs</a:t>
            </a:r>
          </a:p>
          <a:p>
            <a:pPr marL="1070100" lvl="2" indent="-342900">
              <a:buAutoNum type="arabicPeriod"/>
            </a:pPr>
            <a:r>
              <a:rPr lang="en-US" sz="1600" dirty="0"/>
              <a:t>Scale ozone and potentially SO4 BCs to eliminate bias (Fast and Cheap)</a:t>
            </a:r>
          </a:p>
          <a:p>
            <a:pPr marL="1070100" lvl="2" indent="-342900">
              <a:buAutoNum type="arabicPeriod"/>
            </a:pPr>
            <a:r>
              <a:rPr lang="en-US" sz="1600" dirty="0"/>
              <a:t>Rerun 2014 GEOS-Chem with updates developed using 2016 GEOS-Chem</a:t>
            </a:r>
          </a:p>
          <a:p>
            <a:r>
              <a:rPr lang="en-US" sz="2000" dirty="0"/>
              <a:t>Short-Term Cheap Fix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Ozone BCs overstated by 15-20%.  Simple correction could be scaling by 0.75-0.80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Similar scaling for SO4? </a:t>
            </a:r>
          </a:p>
          <a:p>
            <a:pPr lvl="1"/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734F719-BA4D-4DE2-B115-4E0F0A63A54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639567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DB4A23-0E7C-4919-B5F0-55DB4AABC8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014v2 Shake-Out Improvements – Boundary Conditions (BCs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C12AA6-4C83-4DD5-A55D-E03CF4B6077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404730"/>
            <a:ext cx="10588625" cy="4303657"/>
          </a:xfrm>
        </p:spPr>
        <p:txBody>
          <a:bodyPr/>
          <a:lstStyle/>
          <a:p>
            <a:r>
              <a:rPr lang="en-US" sz="2000" dirty="0"/>
              <a:t>Rerun 2014 GEOS-Chem using updates developed as part of 2016 GEOS-Chem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Updated source code, with halogen chemistry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Updated HTAP anthropogenic emissions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600" dirty="0"/>
              <a:t>Lower NOx and SO2 emissions (e.g., Russia fisheries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New LNOx emissions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600" dirty="0"/>
              <a:t>Caused GEOS-Chem ozone overestimation bias in past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Other updates?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4 x 5 degree (~440 km) fairly coarse, 2016 using 1 x 1.5 (~220 km) resolution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600" dirty="0"/>
              <a:t>Run time implicat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Modify GCBC processor to look outside of the CAMx/CMAQ domain to avoid including U.S. impacts in BCs due to coarse GC resolution – may not be needed if use finer grid size</a:t>
            </a:r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5A2EB29-FE0A-4891-A60D-DB096477EE7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0263785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5BBDED6-EC23-4E16-B972-D6C0910390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014v2 Shake-Out Improvements – Meteorology/Domai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8A318A8-99A1-4907-8883-87391C39D1D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510748"/>
            <a:ext cx="10588625" cy="4197639"/>
          </a:xfrm>
        </p:spPr>
        <p:txBody>
          <a:bodyPr/>
          <a:lstStyle/>
          <a:p>
            <a:r>
              <a:rPr lang="en-US" dirty="0"/>
              <a:t>Final 2014 Shake-Out Configuration used 12-km WAQS WRF 12WUS2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Model performance from CAMx Jan/Jul WAQS vs. EPA 12-km WRF sensitivity modeling inconclusive due to overstated ozone and SO4 from GCBC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elected WAQS 12-km WRF for final runs because of EPA 12-km WRF overstated precipitation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EPA WRF actually produced better ozone performance, PM performance mixed</a:t>
            </a:r>
          </a:p>
          <a:p>
            <a:r>
              <a:rPr lang="en-US" dirty="0"/>
              <a:t>Will deliver both 12-km WAQS 12WUS2 and EPA 12US2 CAMx and CMAQ meteorological inputs to IMWD so both databases are available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If fix other aspects in 2014v1 modeling platform (e.g., BCs and emissions), recommend revisit the 12-km WAQS vs. EPA WRF meteorological issues with annual CAMx and CMAQ simulations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 Better performing 12-km meteorology will be easier to identify w/o high ozone and So4 BC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607D229-A66D-45AE-A34A-D262381EEB9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2593168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7312B6-7E01-472D-AD17-3CEAC21755F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014v2 Shake-Out Improvements – Natural Emissions (1 of 3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B902050-2A06-4D61-B654-10A8266A20A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997165"/>
            <a:ext cx="6006972" cy="4605206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US" dirty="0"/>
              <a:t>CAMx Oceanic Emissions Pre-Processor Emissions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Overstated SO4 at coastal sites in CAMx but not CMAQ, especially in summer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Did not identify in CAMx Jul sensitivity modeling due to BCs contaminated by 2009 volcano eruption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Isolate cause of high SO4 over ocean: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Direct PSO4 emissions from Sea Salt ;and/or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DMS Emissions renamed as SO2</a:t>
            </a:r>
          </a:p>
          <a:p>
            <a:pPr>
              <a:spcAft>
                <a:spcPts val="600"/>
              </a:spcAft>
            </a:pPr>
            <a:r>
              <a:rPr lang="en-US" dirty="0"/>
              <a:t>Oceanic Processor fairly new, but did not show SO4 overestimation issues in other studies: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BOEM Arctic Seas Modeling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BOEM GOMR OCS Modeling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These studies do not have the fetch and high wind speeds of the vast Pacific Ocean</a:t>
            </a:r>
          </a:p>
          <a:p>
            <a:pPr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Review emissions to identify causes of overstated SO4 at coastal sites and fix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Explicit DMS chemistry coming soon in CAMx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55CD4EB-0CF7-40A1-8906-B1B581EF922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7</a:t>
            </a:fld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DA3E218-13B4-45E1-8A71-BD1770AF9C6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05484" y="1103181"/>
            <a:ext cx="5118100" cy="2962512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FEE493DB-26FF-4275-9D17-0A926B1E03E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70566" y="4065693"/>
            <a:ext cx="4851271" cy="28080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8346502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0199C0-D0EA-4116-BD0E-88D0D244524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014v2 Shake-Out Improvements – Natural Emissions (2 of 3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1025EB-DC97-4B28-982F-55E7FDEA87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7666" y="940906"/>
            <a:ext cx="5647578" cy="4674717"/>
          </a:xfrm>
        </p:spPr>
        <p:txBody>
          <a:bodyPr/>
          <a:lstStyle/>
          <a:p>
            <a:r>
              <a:rPr lang="en-US" b="1" dirty="0">
                <a:solidFill>
                  <a:srgbClr val="FF9900"/>
                </a:solidFill>
              </a:rPr>
              <a:t>MEGAN</a:t>
            </a:r>
            <a:r>
              <a:rPr lang="en-US" dirty="0">
                <a:solidFill>
                  <a:srgbClr val="FF9900"/>
                </a:solidFill>
              </a:rPr>
              <a:t> </a:t>
            </a:r>
            <a:r>
              <a:rPr lang="en-US" dirty="0"/>
              <a:t>vs. </a:t>
            </a:r>
            <a:r>
              <a:rPr lang="en-US" b="1" dirty="0">
                <a:solidFill>
                  <a:srgbClr val="00B050"/>
                </a:solidFill>
              </a:rPr>
              <a:t>BEIS</a:t>
            </a:r>
            <a:r>
              <a:rPr lang="en-US" dirty="0">
                <a:solidFill>
                  <a:srgbClr val="00B050"/>
                </a:solidFill>
              </a:rPr>
              <a:t> </a:t>
            </a:r>
            <a:r>
              <a:rPr lang="en-US" dirty="0"/>
              <a:t>Biogenic Emissions 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BEIS selected for 2014 Shake-Out final configuration due to better OA performance in CAMx Jan/Jul sensitivity tests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Final runs show CMAQ OA overestimation and many sites.  See </a:t>
            </a:r>
            <a:r>
              <a:rPr lang="en-US" b="1" dirty="0">
                <a:solidFill>
                  <a:srgbClr val="FF0000"/>
                </a:solidFill>
              </a:rPr>
              <a:t>Obs</a:t>
            </a:r>
            <a:r>
              <a:rPr lang="en-US" b="1" dirty="0"/>
              <a:t>,</a:t>
            </a:r>
            <a:r>
              <a:rPr lang="en-US" dirty="0"/>
              <a:t> </a:t>
            </a:r>
            <a:r>
              <a:rPr lang="en-US" b="1" dirty="0">
                <a:solidFill>
                  <a:srgbClr val="0000FF"/>
                </a:solidFill>
              </a:rPr>
              <a:t>CAMx</a:t>
            </a:r>
            <a:r>
              <a:rPr lang="en-US" dirty="0">
                <a:solidFill>
                  <a:srgbClr val="0000FF"/>
                </a:solidFill>
              </a:rPr>
              <a:t>,</a:t>
            </a:r>
            <a:r>
              <a:rPr lang="en-US" dirty="0"/>
              <a:t> </a:t>
            </a:r>
            <a:r>
              <a:rPr lang="en-US" b="1" dirty="0">
                <a:solidFill>
                  <a:srgbClr val="000000"/>
                </a:solidFill>
              </a:rPr>
              <a:t>CMAQ</a:t>
            </a:r>
            <a:r>
              <a:rPr lang="en-US" dirty="0"/>
              <a:t> annual PHX OA</a:t>
            </a:r>
          </a:p>
          <a:p>
            <a:r>
              <a:rPr lang="en-US" dirty="0"/>
              <a:t>In WESTUS, BEIS has 4-5x TERP and SESQ emissions that MEGAN has</a:t>
            </a:r>
          </a:p>
          <a:p>
            <a:pPr lvl="1"/>
            <a:r>
              <a:rPr lang="en-US" dirty="0"/>
              <a:t>BEIS high TERP/SESQ in areas we would not expect high emissions (e.g., dessert SW, Las Vegas)</a:t>
            </a:r>
          </a:p>
          <a:p>
            <a:pPr lvl="1"/>
            <a:r>
              <a:rPr lang="en-US" dirty="0"/>
              <a:t>Need review BEIS and MEGAN emissions and formulations in more detail</a:t>
            </a:r>
          </a:p>
          <a:p>
            <a:pPr lvl="1"/>
            <a:r>
              <a:rPr lang="en-US" dirty="0"/>
              <a:t>Previous WRAP MEGAN WESTUS study found BEIS inappropriate WESTUS EFs</a:t>
            </a:r>
          </a:p>
          <a:p>
            <a:pPr lvl="1"/>
            <a:r>
              <a:rPr lang="en-US" dirty="0"/>
              <a:t>Ramboll, Alex Guenther and EPA in discussions on this issue</a:t>
            </a:r>
          </a:p>
          <a:p>
            <a:pPr lvl="2"/>
            <a:endParaRPr lang="en-US" dirty="0"/>
          </a:p>
          <a:p>
            <a:pPr lvl="3"/>
            <a:endParaRPr lang="en-US" dirty="0"/>
          </a:p>
          <a:p>
            <a:pPr lvl="1"/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5EF6BCE-3EE1-4368-8F36-2067AD1B851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8</a:t>
            </a:fld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553F96D-A9D2-492A-826F-5CCE214ACF4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51570" y="927652"/>
            <a:ext cx="5106416" cy="2943237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3E3054C3-4FE5-461F-9F6F-26246788AF4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83578" y="3899876"/>
            <a:ext cx="5647578" cy="32689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399712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F31C64-2E34-43C8-9F29-6E3FDE89C6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014v2 Shake-Out Improvements – Natural Emissions (3 of 3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E1DEE38-BE3D-493D-ABEB-4F0A86DB7AD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351722"/>
            <a:ext cx="10588625" cy="4356665"/>
          </a:xfrm>
        </p:spPr>
        <p:txBody>
          <a:bodyPr/>
          <a:lstStyle/>
          <a:p>
            <a:r>
              <a:rPr lang="en-US" sz="2400" dirty="0"/>
              <a:t>Open land fire Plume Rise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2000" dirty="0"/>
              <a:t>2014 Shake-Out runs used the 2014 NEI Bluesky fire emissions modified by F&amp;SWG (AirSci) with Briggs plume rise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800" dirty="0"/>
              <a:t>CMAQ in-line Briggs plume rise using EPA Briggs approach designed to work with Bluesky fires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800" dirty="0"/>
              <a:t>CAMx fire emissions based on SMOKE modeling Briggs plume rise that generated millions of virtual stacks and many TB of disk space – very cumbersome and long processing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2000" dirty="0"/>
              <a:t>Original plan was to do a WRAP fire plume rise sensitivity test while final 2014 annual Shake-Out runs were going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800" dirty="0"/>
              <a:t>Ran out of time as fixing the 2014 Jun/Jul GEOS-Chem sulfur BCs took hire priority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800" dirty="0"/>
              <a:t>CAMx designed to operate efficiently with WRAP plume rise approach using in-line vertical distributio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D147E18-D7B7-434A-8038-EBB161465E78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4131389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41570095254604"/>
</p:tagLst>
</file>

<file path=ppt/theme/theme1.xml><?xml version="1.0" encoding="utf-8"?>
<a:theme xmlns:a="http://schemas.openxmlformats.org/drawingml/2006/main" name="Blank">
  <a:themeElements>
    <a:clrScheme name="Ramboll">
      <a:dk1>
        <a:srgbClr val="333333"/>
      </a:dk1>
      <a:lt1>
        <a:srgbClr val="FFFFFF"/>
      </a:lt1>
      <a:dk2>
        <a:srgbClr val="009DF0"/>
      </a:dk2>
      <a:lt2>
        <a:srgbClr val="797766"/>
      </a:lt2>
      <a:accent1>
        <a:srgbClr val="ADDDFF"/>
      </a:accent1>
      <a:accent2>
        <a:srgbClr val="3AA551"/>
      </a:accent2>
      <a:accent3>
        <a:srgbClr val="A8D100"/>
      </a:accent3>
      <a:accent4>
        <a:srgbClr val="C40079"/>
      </a:accent4>
      <a:accent5>
        <a:srgbClr val="C63418"/>
      </a:accent5>
      <a:accent6>
        <a:srgbClr val="D0CFC9"/>
      </a:accent6>
      <a:hlink>
        <a:srgbClr val="009DF0"/>
      </a:hlink>
      <a:folHlink>
        <a:srgbClr val="ADDDFF"/>
      </a:folHlink>
    </a:clrScheme>
    <a:fontScheme name="Aspect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6"/>
        </a:solidFill>
        <a:ln>
          <a:noFill/>
        </a:ln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chemeClr val="bg2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 bwMode="auto">
        <a:noFill/>
        <a:ln w="9525">
          <a:noFill/>
          <a:miter lim="800000"/>
          <a:headEnd/>
          <a:tailEnd/>
        </a:ln>
        <a:effectLst/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marR="0" algn="l" defTabSz="457200" rtl="0" eaLnBrk="0" fontAlgn="base" latinLnBrk="0" hangingPunct="0">
          <a:spcBef>
            <a:spcPct val="0"/>
          </a:spcBef>
          <a:buClrTx/>
          <a:buSzTx/>
          <a:tabLst/>
          <a:defRPr kumimoji="0" sz="1800" b="0" i="0" u="none" strike="noStrike" kern="1200" cap="none" spc="0" normalizeH="0" baseline="0" noProof="0" dirty="0" err="1" smtClean="0">
            <a:ln>
              <a:noFill/>
            </a:ln>
            <a:solidFill>
              <a:schemeClr val="tx1"/>
            </a:solidFill>
            <a:effectLst/>
            <a:uLnTx/>
            <a:uFillTx/>
            <a:latin typeface="Verdana"/>
            <a:ea typeface="Verdana" pitchFamily="34" charset="0"/>
            <a:cs typeface="Verdana" pitchFamily="34" charset="0"/>
          </a:defRPr>
        </a:defPPr>
      </a:lstStyle>
    </a:tx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  <a:extLst>
    <a:ext uri="{05A4C25C-085E-4340-85A3-A5531E510DB2}">
      <thm15:themeFamily xmlns:thm15="http://schemas.microsoft.com/office/thememl/2012/main" name="Ramboll Template.pptx" id="{18B1D9E1-3BFF-492D-AD3C-07E0527DBC54}" vid="{2725A123-54A8-4D51-A6DB-726BE0B36503}"/>
    </a:ext>
  </a:extLst>
</a:theme>
</file>

<file path=ppt/theme/theme2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theme/theme4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11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14ABBF43-1DE5-401E-9E72-69994FE7A2B3}">
  <we:reference id="wa104380278" version="1.0.0.6" store="en-US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4376</TotalTime>
  <Words>1829</Words>
  <Application>Microsoft Office PowerPoint</Application>
  <PresentationFormat>Custom</PresentationFormat>
  <Paragraphs>205</Paragraphs>
  <Slides>18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8</vt:i4>
      </vt:variant>
    </vt:vector>
  </HeadingPairs>
  <TitlesOfParts>
    <vt:vector size="26" baseType="lpstr">
      <vt:lpstr>Arial</vt:lpstr>
      <vt:lpstr>Calibri</vt:lpstr>
      <vt:lpstr>Calibri Light</vt:lpstr>
      <vt:lpstr>Courier New</vt:lpstr>
      <vt:lpstr>Verdana</vt:lpstr>
      <vt:lpstr>Wingdings</vt:lpstr>
      <vt:lpstr>Blank</vt:lpstr>
      <vt:lpstr>Custom Design</vt:lpstr>
      <vt:lpstr>Western Regional Modeling and Analysis Platform</vt:lpstr>
      <vt:lpstr>Task 1:  Modeling Plan</vt:lpstr>
      <vt:lpstr>2014 Shake-Out Model Improvements for 2014v2</vt:lpstr>
      <vt:lpstr>2014v2 Shake-Out Improvements – Boundary Conditions (BCs)</vt:lpstr>
      <vt:lpstr>2014v2 Shake-Out Improvements – Boundary Conditions (BCs)</vt:lpstr>
      <vt:lpstr>2014v2 Shake-Out Improvements – Meteorology/Domains</vt:lpstr>
      <vt:lpstr>2014v2 Shake-Out Improvements – Natural Emissions (1 of 3)</vt:lpstr>
      <vt:lpstr>2014v2 Shake-Out Improvements – Natural Emissions (2 of 3)</vt:lpstr>
      <vt:lpstr>2014v2 Shake-Out Improvements – Natural Emissions (3 of 3)</vt:lpstr>
      <vt:lpstr>2014v2 Shake-Out Improvements – Anthropogenic Emissions)</vt:lpstr>
      <vt:lpstr>Potential CAMx and CMAQ Updates for 2014v2 </vt:lpstr>
      <vt:lpstr>Current 2014v2 Base Case Recommended Improvements</vt:lpstr>
      <vt:lpstr>2016 Modeling Platform – EPA/MJO Collaborative</vt:lpstr>
      <vt:lpstr>Current 2016 Base Case Recommendations</vt:lpstr>
      <vt:lpstr>Source Apportionment (SA) Modeling</vt:lpstr>
      <vt:lpstr>Source Apportionment (SA) Modeling</vt:lpstr>
      <vt:lpstr>Source Apportionment (SA) Modeling</vt:lpstr>
      <vt:lpstr>Visualization of Source Apportionment Results</vt:lpstr>
    </vt:vector>
  </TitlesOfParts>
  <Company>Ramboll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Kraemer</dc:creator>
  <cp:lastModifiedBy>Ralph Morris</cp:lastModifiedBy>
  <cp:revision>257</cp:revision>
  <dcterms:created xsi:type="dcterms:W3CDTF">2018-12-11T20:49:47Z</dcterms:created>
  <dcterms:modified xsi:type="dcterms:W3CDTF">2019-04-05T04:18:2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TemplafyTimeStamp">
    <vt:lpwstr>2018-10-03T09:50:09.1611095Z</vt:lpwstr>
  </property>
</Properties>
</file>